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1\LRF-2021\RREO 2º Bim 2021\"/>
    </mc:Choice>
  </mc:AlternateContent>
  <bookViews>
    <workbookView xWindow="0" yWindow="0" windowWidth="20490" windowHeight="7650" firstSheet="10" activeTab="11"/>
  </bookViews>
  <sheets>
    <sheet name="Anexo - 01 - Balanço Orçamentár" sheetId="1" r:id="rId1"/>
    <sheet name="Anexo - 02 - Despesas por Funçã" sheetId="2" r:id="rId2"/>
    <sheet name="Anexo - 03 - Receita Corrente L" sheetId="3" r:id="rId3"/>
    <sheet name="Anexo - 04 - Receitas e Despesa" sheetId="4" r:id="rId4"/>
    <sheet name="Anexo - 06 - Resultado Primário" sheetId="5" r:id="rId5"/>
    <sheet name="Anexo - 07 - Restos a Pagar por" sheetId="6" r:id="rId6"/>
    <sheet name="Anexo - 08 - Receitas e Despesa" sheetId="7" r:id="rId7"/>
    <sheet name="Anexo - 08.1 - Despesa MDE-Cons" sheetId="8" r:id="rId8"/>
    <sheet name="Anexo - 12 - Receitas e Despesa" sheetId="9" r:id="rId9"/>
    <sheet name="Anexo - 12.1 - Despesas Saúde -" sheetId="10" r:id="rId10"/>
    <sheet name="Anexo - 13 - Parcerias Público-" sheetId="11" r:id="rId11"/>
    <sheet name="Anexo - 14 - Resumo Execução Or" sheetId="12" r:id="rId12"/>
  </sheets>
  <calcPr calcId="0"/>
</workbook>
</file>

<file path=xl/sharedStrings.xml><?xml version="1.0" encoding="utf-8"?>
<sst xmlns="http://schemas.openxmlformats.org/spreadsheetml/2006/main" count="3052" uniqueCount="1252">
  <si>
    <t>ESTADO DE MATO GROSSO DO SUL</t>
  </si>
  <si>
    <t>Relatório Resumido de Execução Orçamentária</t>
  </si>
  <si>
    <t>BALANÇO ORÇAMENTÁRIO</t>
  </si>
  <si>
    <t>Orçamentos Fiscal e da Seguridade Social</t>
  </si>
  <si>
    <t>JANEIRO A ABRIL DE 2021 / BIMESTRE MARÇO - ABRIL</t>
  </si>
  <si>
    <t>RREO - Anexo 1 (LRF, art. 52, inciso I, alíneas "a" e "b" do inciso II e §1º)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DEMONSTRATIVO DA EXECUÇÃO DAS DESPESAS POR FUNÇÃO/SUBFUNÇÃO</t>
  </si>
  <si>
    <t>RREO - Anexo 2 (LRF, art. 52, inciso II, alínea "c")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3 - Informação e Inteligência</t>
  </si>
  <si>
    <t xml:space="preserve">      243 - Assistência à Criança e ao Adolescente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3 - Ensino Profissiona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1 - Promoção da Produção Vegetal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00001</t>
  </si>
  <si>
    <t>Total</t>
  </si>
  <si>
    <t>DEMONSTRATIVO DA RECEITA CORRENTE LÍQUIDA</t>
  </si>
  <si>
    <t>RREO - Anexo 3 (LRF, art. 53, inciso I)</t>
  </si>
  <si>
    <t>ESPECIFICAÇÃO</t>
  </si>
  <si>
    <t>Evolução da Receita Realizada nos últimos 12 meses</t>
  </si>
  <si>
    <t>Mai/2020</t>
  </si>
  <si>
    <t>Jun/2020</t>
  </si>
  <si>
    <t>Jul/2020</t>
  </si>
  <si>
    <t>Ago/2020</t>
  </si>
  <si>
    <t>Set/2020</t>
  </si>
  <si>
    <t>Out/2020</t>
  </si>
  <si>
    <t>Nov/2020</t>
  </si>
  <si>
    <t>Dez/2020</t>
  </si>
  <si>
    <t>Jan/2021</t>
  </si>
  <si>
    <t>Fev/2021</t>
  </si>
  <si>
    <t>Mar/2021</t>
  </si>
  <si>
    <t>Abr/2021</t>
  </si>
  <si>
    <t>Total (ùltimos 12 Meses)</t>
  </si>
  <si>
    <t>Previsão Atualizada 2021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DEMONSTRATIVO DAS RECEITAS E DESPESAS PREVIDENCIÁRIAS</t>
  </si>
  <si>
    <t>RREO - Anexo 4 (LRF, art. 53, inciso II)</t>
  </si>
  <si>
    <t>RECEITAS PREVIDENCIÁRIAS - RPPS (FUNDO EM CAPITALIZAÇÃO)</t>
  </si>
  <si>
    <t>Receitas Realizadas até o Bimestre (b)</t>
  </si>
  <si>
    <t>RECEITAS CORRENTES (I)</t>
  </si>
  <si>
    <t xml:space="preserve">Receita de Contribuições dos Segurados </t>
  </si>
  <si>
    <t xml:space="preserve">   Ativo </t>
  </si>
  <si>
    <t xml:space="preserve">   Inativo </t>
  </si>
  <si>
    <t xml:space="preserve">   Pensionista </t>
  </si>
  <si>
    <t xml:space="preserve">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Financeira entre os regimes</t>
  </si>
  <si>
    <t xml:space="preserve">   Receita de Aportes Periódicos para Amortização de Déficit Atuarial do RPPS (II)¹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DO FUNDO EM CAPITALIZAÇÃO - (IV) = (I + III - II)</t>
  </si>
  <si>
    <t>DESPESAS PREVIDENCIÁRIAS - RPPS (FUNDO EM CAPITALIZAÇÃO)</t>
  </si>
  <si>
    <t>Dotação Atualizada (c)</t>
  </si>
  <si>
    <t>Despesas Empenhadas até o Bimestre (d)</t>
  </si>
  <si>
    <t>Despesas Liquidadas até o Bimestre (e)</t>
  </si>
  <si>
    <t>Despesas Pagas Até o Bimestre (f)</t>
  </si>
  <si>
    <t>Inscritas em Restos a Pagar Não Processadas No Exercício (g)</t>
  </si>
  <si>
    <t>Benefícios</t>
  </si>
  <si>
    <t xml:space="preserve">   Aposentadorias</t>
  </si>
  <si>
    <t xml:space="preserve">   Pensões por Morte</t>
  </si>
  <si>
    <t>Outras Despesas Previdenciárias</t>
  </si>
  <si>
    <t xml:space="preserve">   Demais Despesas Previdenciárias</t>
  </si>
  <si>
    <t>TOTAL DAS DESPESAS DO FUNDO EM CAPITALIZAÇÃO (V)</t>
  </si>
  <si>
    <t>RESULTADO PREVIDENCIÁRIO - FUNDO EM CAPITALIZAÇÃO (VI) = (IV – V)2</t>
  </si>
  <si>
    <t>RESULTADO PREVIDENCIÁRIO - FUNDO EM CAPITALIZAÇÃO (VI) = (IV – V)²</t>
  </si>
  <si>
    <t>RECURSOS RPPS ARRECADADOS EM EXERCÍCIOS ANTERIORES</t>
  </si>
  <si>
    <t>Previsão Orçamentária</t>
  </si>
  <si>
    <t>VALOR</t>
  </si>
  <si>
    <t>RESERVA ORÇAMENTÁRIA DO RPPS</t>
  </si>
  <si>
    <t>APORTES DE RECURSOS PARA O FUNDO EM CAPITALIZAÇÃ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 (FUNDO EM CAPITALIZAÇÃO)</t>
  </si>
  <si>
    <t>Saldo Atual</t>
  </si>
  <si>
    <t>Caixa e Equivalentes de Caixa</t>
  </si>
  <si>
    <t>Investimentos e Aplicações</t>
  </si>
  <si>
    <t>Outros Bens e Direitos</t>
  </si>
  <si>
    <t>RECEITAS PREVIDENCIÁRIAS - RPPS (FUNDO EM REPARTIÇÃO)</t>
  </si>
  <si>
    <t>RECEITAS CORRENTES (VII)</t>
  </si>
  <si>
    <t xml:space="preserve">   Receita de Contribuições dos Segurados </t>
  </si>
  <si>
    <t xml:space="preserve">      Ativo </t>
  </si>
  <si>
    <t xml:space="preserve">      Inativo </t>
  </si>
  <si>
    <t xml:space="preserve">      Pensionista </t>
  </si>
  <si>
    <t xml:space="preserve">   Receita de Contribuições Patronais 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Previdenciária entre os regime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DO FUNDO EM REPARTIÇÃO (IX) = (VII + VIII)</t>
  </si>
  <si>
    <t>DESPESAS PREVIDENCIÁRIAS - RPPS (FUNDO EM REPARTIÇÃO)</t>
  </si>
  <si>
    <t xml:space="preserve">   Aposentadorias </t>
  </si>
  <si>
    <t xml:space="preserve">   Compensação Previdenciária entre os regimes</t>
  </si>
  <si>
    <t>TOTAL DAS DESPESAS DO FUNDO EM REPARTIÇÃO (X)</t>
  </si>
  <si>
    <t>RESULTADO PREVIDENCIÁRIO - FUNDO EM REPARTIÇÃO (IX) = (VII - VIII)2</t>
  </si>
  <si>
    <t>RESULTADO PREVIDENCIÁRIO - FUNDO EM REPARTIÇÃO (XI) = (IX – X)²</t>
  </si>
  <si>
    <t>APORTES DE RECURSOS PARA O FUNDO EM REPARTIÇÃO DO RPPS</t>
  </si>
  <si>
    <t>Recursos para Cobertura de Insuficiências Financeiras</t>
  </si>
  <si>
    <t>Recursos para Formação de Reserva</t>
  </si>
  <si>
    <t>RECEITAS DA ADMINISTRAÇÃO - RPPS</t>
  </si>
  <si>
    <t>Receitas Correntes</t>
  </si>
  <si>
    <t>TOTAL DAS RECEITAS DA ADMINISTRAÇÃO RPPS  (XII)</t>
  </si>
  <si>
    <t>DESPESAS DA ADMINISTRAÇÃO - RPPS</t>
  </si>
  <si>
    <t>Despesas Correntes (XIII)</t>
  </si>
  <si>
    <t xml:space="preserve">   Pessoal e Encargos Sociais</t>
  </si>
  <si>
    <t xml:space="preserve">   Demais Despesas Correntes</t>
  </si>
  <si>
    <t>Despesas de Capital (XIV)</t>
  </si>
  <si>
    <t>TOTAL DAS DESPESAS DA ADMINISTRAÇÃO RPPS (XV) = (XIII + XIV)</t>
  </si>
  <si>
    <t>RESULTADO DA ADMINISTRAÇÃO RPPS (XII) = (X – XI)2</t>
  </si>
  <si>
    <t>RESULTADO DA ADMINISTRAÇÃO RPPS (XVI) = (XII – XV)²</t>
  </si>
  <si>
    <t>RECEITAS PREVIDENCIÁRIAS (BENEFÍCIOS MANTIDOS PELO TESOURO)</t>
  </si>
  <si>
    <t xml:space="preserve">Contribuições dos Servidores </t>
  </si>
  <si>
    <t xml:space="preserve">Demais Receitas Previdenciárias </t>
  </si>
  <si>
    <t>TOTAL DAS RECEITAS  (BENEFÍCIOS MANTIDOS PELO TESOURO) (XVII)</t>
  </si>
  <si>
    <t>DESPESAS PREVIDENCIÁRIAS (BENEFÍCIOS MANTIDOS PELO TESOURO)</t>
  </si>
  <si>
    <t xml:space="preserve">Aposentadorias </t>
  </si>
  <si>
    <t>Pensões</t>
  </si>
  <si>
    <t>TOTAL DAS DESPESAS (BENEFÍCIOS MANTIDOS PELO TESOURO) (XVIII)</t>
  </si>
  <si>
    <t>RESULTADO DOS BENEFÍCIOS MANTIDOS PELO TESOURO (XV) = (XIII - XIV)2</t>
  </si>
  <si>
    <t>RESULTADO DOS BENEFÍCIOS MANTIDOS PELO TESOURO (XIX) = (XVII - XVIII)²</t>
  </si>
  <si>
    <t>RECEITAS DE CONTRIBUIÇÃO DOS MILITARES</t>
  </si>
  <si>
    <t>Contribuição sobre a remuneração dos militares ativos</t>
  </si>
  <si>
    <t>Contribuição sobre a remuneração dos militares inativos</t>
  </si>
  <si>
    <t xml:space="preserve">Contribuição sobre a remuneração dos pensionistas </t>
  </si>
  <si>
    <t>Outras contribuições</t>
  </si>
  <si>
    <t>TOTAL DAS CONTRIBUIÇÕES DOS MILITARES (XX)</t>
  </si>
  <si>
    <t>DESPESAS COM INATIVOS E PENSIONISTAS MILITARES</t>
  </si>
  <si>
    <t>Inatividade</t>
  </si>
  <si>
    <t>Outras Despesas</t>
  </si>
  <si>
    <t xml:space="preserve">TOTAL DAS DESPESAS COM INATIVOS E PENSIONISTAS MILITARES (XXI) </t>
  </si>
  <si>
    <t>RESULTADO ASSOCIADO ÀS PENSÕES E OS INATIVOS MILITARES (XVIII) = (XVI –XVII)2</t>
  </si>
  <si>
    <t>RESULTADO ASSOCIADO ÀS PENSÕES E OS INATIVOS MILITARES (XXII) = (XX–XXI)²</t>
  </si>
  <si>
    <t>DEMONSTRATIVO DO RESULTADO PRIMÁRIO E NOMINAL</t>
  </si>
  <si>
    <t>RREO - Anexo 6 (LRF, art 53, inciso III)</t>
  </si>
  <si>
    <t>RECEITAS PRIMÁRIAS</t>
  </si>
  <si>
    <t>Previsão Atualizada</t>
  </si>
  <si>
    <t>Até o Bimestre 2021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otação Atualizada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20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1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¹</t>
  </si>
  <si>
    <t>Até o Bimestre/2020</t>
  </si>
  <si>
    <t>Até o Bimestre/  2021</t>
  </si>
  <si>
    <t>INSCRITAS EM RESTOS A PAGAR NÃO PROCESSADOS</t>
  </si>
  <si>
    <t>DESPESAS CORRENTES (XLI)</t>
  </si>
  <si>
    <t>Juros e Encargos da Dívida (XLII)</t>
  </si>
  <si>
    <t>DESPESAS PRIMÁRIAS CORRENTES (XLIII) = (XLI - XLII)</t>
  </si>
  <si>
    <t>Transferências Constitucionais (XLIV)</t>
  </si>
  <si>
    <t>Contribuições para o PIS/PASEP (XLV)</t>
  </si>
  <si>
    <t>DESPESAS PRIMÁRIAS CORRENTES APURADAS CONFORME O ART. 4º DA LC 156/16 (XLVI) = (XLIII - XLIV - XLV)</t>
  </si>
  <si>
    <t>DEMONSTRATIVO DOS RESTOS A PAGAR POR PODER E ÓRGÃO</t>
  </si>
  <si>
    <t>RREO - Anexo 7 (LRF, art. 53, inciso V)</t>
  </si>
  <si>
    <t>Poder / Órgão</t>
  </si>
  <si>
    <t>Restos a Pagar Processados</t>
  </si>
  <si>
    <t>Inscritos em Exercícios Anteriores (a)</t>
  </si>
  <si>
    <t>Inscritos Em 31 de Dezembro de 2020 (b)</t>
  </si>
  <si>
    <t>Cancelados (d)</t>
  </si>
  <si>
    <t>Saldo e=(a+b)-(c+d)</t>
  </si>
  <si>
    <t>Restos a Pagar Não Processados</t>
  </si>
  <si>
    <t>Inscritos em Exercícios Anteriores (f)</t>
  </si>
  <si>
    <t>Inscritos Em 31 de Dezembro de 2020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DEMONSTRATIVO DAS RECEITAS E DESPESAS COM MANUTENÇÃO E DESENVOLVIMENTO DO ENSINO</t>
  </si>
  <si>
    <t>RREO - Anexo 8 (LDB, art. 72)</t>
  </si>
  <si>
    <t>RECEITA RESULTANTE DE IMPOSTOS</t>
  </si>
  <si>
    <t>1- RECEITA DE IMPOSTOS</t>
  </si>
  <si>
    <t xml:space="preserve">       1.1- Receita Resultante do Imposto sobre a Circulação de Mercadorias e Serviços de Transporte Interestadual e Intermunicipal e de Comunicação – ICMS</t>
  </si>
  <si>
    <t xml:space="preserve">             1.1.1- ICMS - Principal e Encargos (Multas, Juros de Mora, Divida Ativa e Outros Encargos do ICMS)</t>
  </si>
  <si>
    <t xml:space="preserve">             1.1.2- Adicional de até 2% do ICMS destinado ao Fundo de Combate à Pobreza (ADCT, art. 82, §1º)</t>
  </si>
  <si>
    <t xml:space="preserve">       1.2- Receita Resultante do Imposto de Transmissão Causa Mortis e Doação de Bens e Direitos – ITCD</t>
  </si>
  <si>
    <t xml:space="preserve">       1.3- Receita Resultante do Imposto sobre a Propriedade de Veículos Automotores – IPVA</t>
  </si>
  <si>
    <t xml:space="preserve">       1.4- Receita Resultante do Imposto sobre a Renda e Proventos de Qualquer Natureza Retido na Fonte – IRRF</t>
  </si>
  <si>
    <t xml:space="preserve">2- RECEITA DE TRANSFERÊNCIAS CONSTITUCIONAIS E LEGAIS </t>
  </si>
  <si>
    <t xml:space="preserve">       2.1- Cota-Parte FPE </t>
  </si>
  <si>
    <t xml:space="preserve">       2.2- Cota-Parte IPI-Exportação </t>
  </si>
  <si>
    <t xml:space="preserve">       2.3- Cota-Parte IOF-Ouro </t>
  </si>
  <si>
    <t xml:space="preserve">       2.4- Compensações Financeiras Provenientes de Impostos e Transferências Constitucionais</t>
  </si>
  <si>
    <t>3- DEDUÇÕES DE TRANSFERÊNCIAS CONSTITUCIONAIS AOS MUNICÍPIOS</t>
  </si>
  <si>
    <t xml:space="preserve">       3.1- PARCELA DO ICMS REPASSADA AOS MUNICÍPIOS (25% de 1.1.1)</t>
  </si>
  <si>
    <t xml:space="preserve">       3.2- PARCELA DO IPVA REPASSADA AOS MUNICÍPIOS (50% de 1.3)</t>
  </si>
  <si>
    <t xml:space="preserve">       3.3- PARCELA DA COTA-PARTE DO IPI-EXPORTAÇÃO REPASSADA AOS MUNICÍPIOS (25% de 2.2)</t>
  </si>
  <si>
    <t>4- TOTAL DA RECEITA LÍQUIDA RESULTANTE DE IMPOSTOS (1 + 2 - 3)</t>
  </si>
  <si>
    <t>5- TOTAL DESTINADO AO FUNDEB - 20% DE ((1.1 - 3.1) + (1.2) + (1.3 - 3.2) + (2.1) + (2.2 - 3.3))</t>
  </si>
  <si>
    <t>6- VALOR MÍNIMO A SER APLICADO ALÉM DO VALOR DESTINADO AO FUNDEB - 5% DE ((1.1 - 3.1) + (1.2) + (1.3 - 3.2) + (2.1) + (2.2 - 3.3)) + 25% DE (1.4 + 2.3 + 2.4)</t>
  </si>
  <si>
    <t>RECEITAS RECEBIDAS DO FUNDEB NO EXERCÍCIO</t>
  </si>
  <si>
    <t>7- RECEITAS RECEBIDAS DO FUNDEB</t>
  </si>
  <si>
    <t xml:space="preserve">    7.1- FUNDEB - Impostos e Transferências de Impostos</t>
  </si>
  <si>
    <t xml:space="preserve">          7.1.1- Principal</t>
  </si>
  <si>
    <t xml:space="preserve">          7.1.2- Rendimentos de Aplicação Financeira</t>
  </si>
  <si>
    <t xml:space="preserve">    7.2- FUNDEB - Complementação da União - VAAF</t>
  </si>
  <si>
    <t xml:space="preserve">          7.2.1- Principal</t>
  </si>
  <si>
    <t xml:space="preserve">          7.2.2- Rendimentos de Aplicação Financeira</t>
  </si>
  <si>
    <t xml:space="preserve">    7.3- FUNDEB - Complementação da União - VAAT</t>
  </si>
  <si>
    <t xml:space="preserve">          7.3.1- Principal</t>
  </si>
  <si>
    <t xml:space="preserve">          7.3.2- Rendimentos de Aplicação Financeira</t>
  </si>
  <si>
    <t>8- RESULTADO LÍQUIDO DAS TRANSFERÊNCIAS DO FUNDEB (7.1.1 – 5)¹</t>
  </si>
  <si>
    <t>RECURSOS RECEBIDOS EM EXERCÍCIOS ANTERIORES E NÃO UTILIZADOS (SUPERÁVIT)</t>
  </si>
  <si>
    <t>9- TOTAL DOS RECURSOS DE SUPERÁVIT</t>
  </si>
  <si>
    <t xml:space="preserve">  9.1- SUPERÁVIT DO EXERCÍCIO IMEDIATAMENTE ANTERIOR</t>
  </si>
  <si>
    <t xml:space="preserve">  9.2- SUPERÁVIT RESIDUAL DE OUTROS EXERCÍCIOS</t>
  </si>
  <si>
    <t>10- TOTAL DOS RECURSOS DO FUNDEB DISPONÍVEIS PARA UTILIZAÇÃO (7 + 9)</t>
  </si>
  <si>
    <t>DESPESAS COM RECURSOS DO FUNDEB (POR ÁREA DE ATUAÇÃO)6</t>
  </si>
  <si>
    <t>Inscritas em Restos a Pagar Não Processados (g)</t>
  </si>
  <si>
    <t>11- PROFISSIONAIS DA EDUCAÇÃO BÁSICA</t>
  </si>
  <si>
    <t xml:space="preserve">      11.1- Ensino Fundamental </t>
  </si>
  <si>
    <t xml:space="preserve">      11.2- Ensino Médio </t>
  </si>
  <si>
    <t>12- OUTRAS DESPESAS</t>
  </si>
  <si>
    <t xml:space="preserve">      12.1- Ensino Fundamental </t>
  </si>
  <si>
    <t xml:space="preserve">      12.2- Ensino Médio</t>
  </si>
  <si>
    <t>13- TOTAL DAS DESPESAS COM RECURSOS DO FUNDEB (11 + 12)</t>
  </si>
  <si>
    <t>DESPESAS CUSTEADAS COM RECEITAS DO FUNDEB RECEBIDAS NO EXERCÍCIO</t>
  </si>
  <si>
    <t>Inscritas Em Restos A Pagar Não Processados (Sem Disponibilidade de Caixa)7 (h)</t>
  </si>
  <si>
    <t>14- Total das Despesas do FUNDEB com Profissionais da Educação Básica</t>
  </si>
  <si>
    <t>15- Total das Despesas custeadas com FUNDEB - Impostos e Transferências de Impostos</t>
  </si>
  <si>
    <t>16- Total das Despesas custeadas com FUNDEB - Complementação da União - VAAF</t>
  </si>
  <si>
    <t>17- Total das Despesas custeadas com FUNDEB - Complementação da União - VAAT</t>
  </si>
  <si>
    <t>18- Total das Despesas custeadas com FUNDEB - Complementação da União - VAAT Aplicadas em Despesa de Capital</t>
  </si>
  <si>
    <t>INDICADORES - ART. 212-A, INCISO XI E § 3º - CONSTITUIÇÃO FEDERAL2</t>
  </si>
  <si>
    <t>Valor Exigido (i)</t>
  </si>
  <si>
    <t>Valor Aplicado (j)</t>
  </si>
  <si>
    <t>Valor Considerado Após Deduções (k)</t>
  </si>
  <si>
    <t>% Aplicado (l)</t>
  </si>
  <si>
    <t>19- Mínimo de 70% do FUNDEB na Remuneração dos Profissionais da Educação Básica</t>
  </si>
  <si>
    <t>20- Mínimo de 15% da Complementação da União ao FUNDEB - VAAT em Despesas de Capital</t>
  </si>
  <si>
    <t>INDICADOR - ART.25, § 3º - LEI Nº 14.113, DE 2020 - (MÁXIMO DE 10% DE SUPERÁVIT)3</t>
  </si>
  <si>
    <t>Valor Máximo Permitido (m)</t>
  </si>
  <si>
    <t>Valor Não Aplicado (n)</t>
  </si>
  <si>
    <t>Valor Não Aplicado Após Ajuste (o)</t>
  </si>
  <si>
    <t>% Não Aplicado (p)</t>
  </si>
  <si>
    <t xml:space="preserve">21- Total da Receita Recebida e não Aplicada no Exercício </t>
  </si>
  <si>
    <t>INDICADOR - ART.25, § 3º - LEI Nº 14.113, DE 2020 - (APLICAÇÃO DO SUPERÁVIT DE EXERCÍCIO ANTERIOR)3</t>
  </si>
  <si>
    <t>Valor de Superávit Permitido No Exercício 2020 (q)</t>
  </si>
  <si>
    <t>Valor Não Aplicado No Exercício 2020 (r)</t>
  </si>
  <si>
    <t>Valor de Superávit Aplicado Até o Primeiro Quadrimestre (s)</t>
  </si>
  <si>
    <t>Valor Aplicado Até o Primeiro Quadrimestre Que Integrará o Limite Constitucional (t)</t>
  </si>
  <si>
    <t>Valor Aplicado Após o Primeiro Quadrimestre (u)</t>
  </si>
  <si>
    <t>Valor Não Aplicado (v)</t>
  </si>
  <si>
    <t>22- Total das Despesas custeadas com Superávit do FUNDEB</t>
  </si>
  <si>
    <t xml:space="preserve">   22.1- Total das Despesas custeadas com FUNDEB - Impostos e Transferências de Impostos</t>
  </si>
  <si>
    <t xml:space="preserve">   22.2- Total das Despesas custeadas com FUNDEB - Complementação da União (VAAF + VAAT)</t>
  </si>
  <si>
    <t>DESPESAS COM AÇÕES TÍPICAS DE MDE - RECEITAS DE IMPOSTOS - EXCETO FUNDEB (POR ÁREA DE ATUAÇÃO)6</t>
  </si>
  <si>
    <t>23- EDUCAÇÃO INFANTIL</t>
  </si>
  <si>
    <t xml:space="preserve">      23.1- Creche</t>
  </si>
  <si>
    <t xml:space="preserve">      23.2- Pré-escola</t>
  </si>
  <si>
    <t xml:space="preserve">24- ENSINO FUNDAMENTAL </t>
  </si>
  <si>
    <t xml:space="preserve">25- ENSINO MÉDIO </t>
  </si>
  <si>
    <t>26- ENSINO SUPERIOR</t>
  </si>
  <si>
    <t>27- ENSINO PROFISSIONAL NÃO INTEGRADO AO ENSINO REGULAR</t>
  </si>
  <si>
    <t>28- TOTAL DAS DESPESAS COM AÇÕES TÍPICAS DE MDE (23 + 24 + 25 + 26 + 27)</t>
  </si>
  <si>
    <t>APURAÇÃO DAS DESPESAS PARA FINS DE LIMITE MÍNIMO CONSTITUCIONAL</t>
  </si>
  <si>
    <t>29- TOTAL DAS DESPESAS DE MDE CUSTEADAS COM RECURSOS DE IMPOSTOS (FUNDEB E RECEITA DE IMPOSTOS) = (L15(d ou e) + L28(d ou e) + L22.1(t))</t>
  </si>
  <si>
    <t>30 (-) RESULTADO LÍQUIDO DAS TRANSFERÊNCIAS DO FUNDEB = (L8)</t>
  </si>
  <si>
    <t>31 (-) RESTOS A PAGAR NÃO PROCESSADOS INSCRITOS NO EXERCÍCIO SEM DISPONIBILIDADE FINANCEIRA DE RECURSOS DO FUNDEB IMPOSTOS4 = (L15h)</t>
  </si>
  <si>
    <t>32 (-) RESTOS A PAGAR NÃO PROCESSADOS INSCRITOS NO EXERCÍCIO SEM DISPONIBILIDADE FINANCEIRA DE RECURSOS DE IMPOSTOS4 e 7</t>
  </si>
  <si>
    <t xml:space="preserve">33 (-) CANCELAMENTO, NO EXERCÍCIO, DE RESTOS A PAGAR INSCRITOS COM DISPONIBILIDADE FINANCEIRA DE RECURSOS DE IMPOSTOS VINCULADOS AO ENSINO = (L37.1(ac) + L37.2(ac)) </t>
  </si>
  <si>
    <t>35- TOTAL DAS DESPESAS PARA FINS DE LIMITE  (29 – (30 + 31 + 32 + 33))</t>
  </si>
  <si>
    <t>APURAÇÃO DO LIMITE MÍNIMO CONSTITUCIONAL2 E 5</t>
  </si>
  <si>
    <t>Valor Exigido (x)</t>
  </si>
  <si>
    <t>Valor Aplicado (w)</t>
  </si>
  <si>
    <t>% Aplicado (y)</t>
  </si>
  <si>
    <t>36- APLICAÇÃO EM MDE SOBRE A RECEITA LÍQUIDA RESULTANTE DE IMPOSTOS</t>
  </si>
  <si>
    <t>RESTOS A PAGAR INSCRITOS EM EXERCÍCIOS ANTERIORES COM DISPONIBILIDADE FINANCEIRA DE RECURSOS DE IMPOSTOS E DO FUNDEB8</t>
  </si>
  <si>
    <t>Saldo Inicial (z)</t>
  </si>
  <si>
    <t>RP Liquidados (aa)</t>
  </si>
  <si>
    <t>RP Pagos (ab)</t>
  </si>
  <si>
    <t>RP Cancelados (ac)</t>
  </si>
  <si>
    <t>Saldo Final (ad)</t>
  </si>
  <si>
    <t>37- RESTOS A PAGAR DE DESPESAS COM MDE</t>
  </si>
  <si>
    <t xml:space="preserve">   37.1 - Executadas com Recursos de Impostos e Transferências de Impostos</t>
  </si>
  <si>
    <t xml:space="preserve">   37.2 - Executadas com Recursos do FUNDEB - Impostos</t>
  </si>
  <si>
    <t xml:space="preserve">   37.3 - Executadas com Recursos do FUNDEB - Complementação da União (VAAT + VAAF)</t>
  </si>
  <si>
    <t>RECEITAS ADICIONAIS PARA FINANCIAMENTO DO ENSINO</t>
  </si>
  <si>
    <t>38- RECEITA DE TRANSFERÊNCIAS DO FNDE (INCLUINDO RENDIMENTOS DE APLICAÇÃO FINANCEIRA)</t>
  </si>
  <si>
    <t xml:space="preserve">       38.1- Salário-Educação</t>
  </si>
  <si>
    <t xml:space="preserve">       38.2- PDDE</t>
  </si>
  <si>
    <t xml:space="preserve">       38.3- PNAE</t>
  </si>
  <si>
    <t xml:space="preserve">       38.4 - PNATE</t>
  </si>
  <si>
    <t xml:space="preserve">       38.5- Outras Transferências do FNDE</t>
  </si>
  <si>
    <t>39- RECEITA DE TRANSFERÊNCIAS DE CONVÊNIOS</t>
  </si>
  <si>
    <t>40- RECEITA DE ROYALTIES DESTINADOS À EDUCAÇÃO</t>
  </si>
  <si>
    <t>41- RECEITA DE OPERAÇÕES DE CRÉDITO VINCULADAS À EDUCAÇÃO</t>
  </si>
  <si>
    <t>42- OUTRAS RECEITAS PARA FINANCIAMENTO DO ENSINO</t>
  </si>
  <si>
    <t>43- TOTAL DAS RECEITAS ADICIONAIS PARA FINANCIAMENTO DO ENSINO = (38 + 39 + 40 + 41 + 42)</t>
  </si>
  <si>
    <t>DESPESAS CUSTEADAS COM RECEITAS ADICIONAIS PARA FINANCIAMENTO DO ENSINO (POR ÁREA DE ATUAÇÃO)6</t>
  </si>
  <si>
    <t>44- EDUCAÇÃO INFANTIL</t>
  </si>
  <si>
    <t xml:space="preserve">      44.1- Creche</t>
  </si>
  <si>
    <t xml:space="preserve">      44.2- Pré-escola</t>
  </si>
  <si>
    <t xml:space="preserve">45- ENSINO FUNDAMENTAL </t>
  </si>
  <si>
    <t xml:space="preserve">46- ENSINO MÉDIO </t>
  </si>
  <si>
    <t>47- ENSINO SUPERIOR</t>
  </si>
  <si>
    <t>48- ENSINO PROFISSIONAL NÃO INTEGRADO AO ENSINO REGULAR</t>
  </si>
  <si>
    <t>49- TOTAL DAS DESPESAS CUSTEADAS COM RECEITAS ADICIONAIS PARA FINANCIAMENTO DO ENSINO (44 + 45 + 46 + 47 + 48)</t>
  </si>
  <si>
    <t>TOTAL GERAL DAS DESPESAS COM EDUCAÇÃO</t>
  </si>
  <si>
    <t>50- TOTAL GERAL DAS DESPESAS COM EDUCAÇÃO (13 + 28 + 49)</t>
  </si>
  <si>
    <t xml:space="preserve">   50.1- Despesas Correntes</t>
  </si>
  <si>
    <t xml:space="preserve">         50.1.1 - Pessoal Ativo</t>
  </si>
  <si>
    <t xml:space="preserve">         50.1.2 - Pessoal Inativo</t>
  </si>
  <si>
    <t xml:space="preserve">         50.1.3 -Transferências às instituições comunitárias, confessionais ou filantrópicas sem fins lucrativos</t>
  </si>
  <si>
    <t xml:space="preserve">         50.1.4 -Outras Despesas Correntes</t>
  </si>
  <si>
    <t xml:space="preserve">   50.2- Despesas de Capital</t>
  </si>
  <si>
    <t xml:space="preserve">         50.2.1 -Transferências às instituições comunitárias, confessionais ou filantrópicas sem fins lucrativos</t>
  </si>
  <si>
    <t xml:space="preserve">         50.2.2 -Outras Despesas de Capital</t>
  </si>
  <si>
    <t>CONTROLE DA DISPONIBILIDADE FINANCEIRA E CONCILIAÇÃO BANCÁRIA</t>
  </si>
  <si>
    <t>FUNDEB (ae)</t>
  </si>
  <si>
    <t>Salário Educação (af)</t>
  </si>
  <si>
    <t xml:space="preserve">   51- DISPONIBILIDADE FINANCEIRA EM 31 DE DEZEMBRO DE 2020</t>
  </si>
  <si>
    <t xml:space="preserve">   52- (+) INGRESSO DE RECURSOS ATÉ O BIMESTRE (orçamentário)</t>
  </si>
  <si>
    <t xml:space="preserve">   53- (-) PAGAMENTOS EFETUADOS ATÉ O BIMESTRE (orçamentário e restos a pagar)</t>
  </si>
  <si>
    <t>54- (=) DISPONIBILIDADE FINANCEIRA ATÉ O BIMESTRE</t>
  </si>
  <si>
    <t>55- (+) AJUSTES POSITIVOS ( RETENÇÕES E OUTROS VALORES EXTRAORÇAMENTÁRIOS)</t>
  </si>
  <si>
    <t>56- (-) AJUSTES NEGATIVOS (OUTROS VALORES EXTRAORÇAMENTÁRIOS)</t>
  </si>
  <si>
    <t>57- (=) SALDO FINANCEIRO CONCILIADO (Saldo Bancário)</t>
  </si>
  <si>
    <t>DEMONSTRATIVO DA DESPESA COM MANUTENÇÃO E DESENVOLVIMENTO DO ENSINO – MDE EXECUTADA EM CONSÓRCIO PÚBLICO</t>
  </si>
  <si>
    <t>RREO - Anexo 8.1 (Portaria STN nº 72/2012, art. 11, II, b)</t>
  </si>
  <si>
    <t>DESPESAS COM EDUCAÇÃO EXECUTADAS EM CONSÓRCIO PÚBLICO</t>
  </si>
  <si>
    <t>Valores Transferidos por Contrato de Rateio (a)</t>
  </si>
  <si>
    <t>Despesas Empenhadas Até o Bimestre (b)</t>
  </si>
  <si>
    <t>Despesas Liquidadas até o Bimestre (c)</t>
  </si>
  <si>
    <t>Despesas Pagas Até o Bimestre (d)</t>
  </si>
  <si>
    <t>Inscritas em Restos a Pagar Não Processados (e)</t>
  </si>
  <si>
    <t>EDUCAÇÃO INFANTIL (I)</t>
  </si>
  <si>
    <t xml:space="preserve">       Despesas com MDE Custeadas com Recursos do FUNDEB - Impostos e Transferências de Impostos</t>
  </si>
  <si>
    <t xml:space="preserve">       Despesas com MDE Custeadas com Recursos do FUNDEB - Complementação da União - VAAF</t>
  </si>
  <si>
    <t xml:space="preserve">       Despesas com MDE Custeadas com Recursos do FUNDEB - Complementação da União - VAAT</t>
  </si>
  <si>
    <t xml:space="preserve">       Despesas com MDE Custeadas com Outros Receitas de Impostos</t>
  </si>
  <si>
    <t xml:space="preserve">       Despesas com MDE Custeadas com outros Recursos destinados à Educação</t>
  </si>
  <si>
    <t>ENSINO FUNDAMENTAL (II)</t>
  </si>
  <si>
    <t xml:space="preserve">       Despesas Custeadas com outros Recursos destinados à Educação</t>
  </si>
  <si>
    <t>ENSINO MÉDIO (III)</t>
  </si>
  <si>
    <t>ENSINO SUPERIOR (IV)</t>
  </si>
  <si>
    <t>ENSINO PROFISSIONAL NÃO INTEGRADO AO ENSINO REGULAR (V)</t>
  </si>
  <si>
    <t>TOTAL DAS DESPESAS COM EDUCAÇÃO VII = (I + II + III + IV + V)</t>
  </si>
  <si>
    <t>DEMONSTRATIVO DAS RECEITAS E DESPESAS COM AÇÕES E SERVIÇOS PÚBLICOS DE SAÚDE</t>
  </si>
  <si>
    <t>RREO - Anexo 12 (LC n° 141/2012 art.35)</t>
  </si>
  <si>
    <t>RECEITAS RESULTANTES DE IMPOSTOS E TRANSFERÊNCIAS CONSTITUCIONAIS E LEGAIS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 xml:space="preserve"> %  (d / c) x 100  </t>
  </si>
  <si>
    <t xml:space="preserve">Até o Bimestre (e) </t>
  </si>
  <si>
    <t>%  (e / c) x 100</t>
  </si>
  <si>
    <t>Despesas Pagas</t>
  </si>
  <si>
    <t>%  (f / c) x 100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1 (saldo final = XXd)</t>
  </si>
  <si>
    <t>Diferença de limite não cumprido em 2020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II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1 (regra nova)</t>
  </si>
  <si>
    <t>Empenhos de 2020 (regra nova)</t>
  </si>
  <si>
    <t>Empenhos de 2019 (regra nova)</t>
  </si>
  <si>
    <t>Empenhos de 2018</t>
  </si>
  <si>
    <t>Empenhos de 2017 e Anteriores</t>
  </si>
  <si>
    <t>UTILIZA DO ANTERIOR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1 a serem compensados (XXV) (saldo inicial = XXIV)</t>
  </si>
  <si>
    <t xml:space="preserve"> Restos a pagar cancelados ou prescritos em 2020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DEMONSTRATIVO DAS DESPESAS COM SAÚDE - ENTE CONSORCIADO</t>
  </si>
  <si>
    <t>RREO - Anexo 12.1 (LC nº 141/2012, art. 35 e Portaria STN nº 72/2012, Art. 11, II, b.)</t>
  </si>
  <si>
    <t>DESPESAS COM AÇÕES E SERVIÇOS PÚBLICOS DE SAÚDE (ASPS) –  POR SUBFUNÇÃO E CATEGORIA ECONÔMICA EXECUTADAS EM CONSÓRCIO PÚBLICO</t>
  </si>
  <si>
    <t>% (c/a) x 100</t>
  </si>
  <si>
    <t>% (d/a) x 100</t>
  </si>
  <si>
    <t>ATENÇÃO BÁSICA  (I)</t>
  </si>
  <si>
    <t xml:space="preserve">   Despesas Correntes</t>
  </si>
  <si>
    <t xml:space="preserve">   Despesas de Capital</t>
  </si>
  <si>
    <t>ASSISTÊNCIA HOSPITALAR E AMBULATORIAL  (II)</t>
  </si>
  <si>
    <t xml:space="preserve">   Despesas de Capital </t>
  </si>
  <si>
    <t>SUPORTE PROFILÁTICO E TERAPÊUTICO  (III)</t>
  </si>
  <si>
    <t>VIGILÂNCIA SANITÁRIA  (IV)</t>
  </si>
  <si>
    <t>VIGILÂNCIA EPIDEMIOLÓGICA  (V)</t>
  </si>
  <si>
    <t>ALIMENTAÇÃO E NUTRIÇÃO   (VI)</t>
  </si>
  <si>
    <t xml:space="preserve">   Despesas Correntes </t>
  </si>
  <si>
    <t>OUTRAS SUBFUNÇÕES (VII)</t>
  </si>
  <si>
    <t>TOTAL DAS DESPESAS COM ASPS EXECUTADAS EM CONSÓRCIO PÚBLICO (VIII) = (I + II + III + IV + V + VI + VII)</t>
  </si>
  <si>
    <t>DEDUÇÕES DA DESPESA COM ASPS</t>
  </si>
  <si>
    <t>Restos a Pagar Não Processados Inscritos Indevidamente no Exercício sem Disponibilidade Financeira (IX)</t>
  </si>
  <si>
    <t>Despesas Custeadas com Recursos Vinculados à Parcela do Percentual Mínimo que não foi Aplicada em ASPS em Exercícios Anteriores (X)</t>
  </si>
  <si>
    <t>Despesas Custeadas com Disponibilidade de Caixa Vinculada aos Restos a Pagar Cancelados (XI)</t>
  </si>
  <si>
    <t>VALOR APLICADO EM ASPS (XII) = (VIII - IX - X - XI)</t>
  </si>
  <si>
    <t>DEMONSTRATIVO DAS PARCERIAS PÚBLICO-PRIVADAS</t>
  </si>
  <si>
    <t>RREO - Anexo 13 (Lei nº 11.079, de 30.12.2004, arts. 22, 25 e 28)</t>
  </si>
  <si>
    <t>IMPACTOS DAS CONTRATAÇÕES DE PPP</t>
  </si>
  <si>
    <t>SALDO TOTAL EM 31 DE DEZEMBRO DO EXERCÍCIO ANTERIOR</t>
  </si>
  <si>
    <t>REGISTROS EFETUADOS EM 2021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2</t>
  </si>
  <si>
    <t>Ano 2023</t>
  </si>
  <si>
    <t>Ano 2024</t>
  </si>
  <si>
    <t>Ano 2025</t>
  </si>
  <si>
    <t>Ano 2026</t>
  </si>
  <si>
    <t>Ano 2027</t>
  </si>
  <si>
    <t>Ano 2028</t>
  </si>
  <si>
    <t>Ano 2029</t>
  </si>
  <si>
    <t>Ano 2030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DEMONSTRATIVO SIMPLIFICADO DO RELATÓRIO RESUMIDO DA EXECUÇÃO ORÇAMENTÁRIA</t>
  </si>
  <si>
    <t>RREO - Anexo 14 (LRF, art. 48)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</t>
  </si>
  <si>
    <t>Fundo em Capitalização (PLANO PREVIDENCIÁRIO)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Resultado Previdenciário</t>
  </si>
  <si>
    <t>Fundo em Repartição (PLANO FINANCEIRO)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70% do FUNDEB na Remuneração dos Profissionais da Educação Básica;</t>
  </si>
  <si>
    <t>Percentual de 50% da Complementação da União ao FUNDEB (VAAT) na Educação Infantil;</t>
  </si>
  <si>
    <t>Mínimo de 15% da Complementação da União ao FUNDEB (VAAT) em Despesas de Capital.</t>
  </si>
  <si>
    <t>RECEITAS DE OPERAÇÕES DE CRÉDITO E DESPESAS DE CAPITAL</t>
  </si>
  <si>
    <t>Valor Apurado No Exercício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 xml:space="preserve">    Receitas Previdenciárias</t>
  </si>
  <si>
    <t xml:space="preserve">    Despesas Previdenciárias</t>
  </si>
  <si>
    <t>Plano Financeiro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opLeftCell="A178" workbookViewId="0">
      <selection activeCell="C189" sqref="C189:K198"/>
    </sheetView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19" bestFit="1" customWidth="1"/>
    <col min="7" max="7" width="20.140625" bestFit="1" customWidth="1"/>
    <col min="8" max="8" width="19" bestFit="1" customWidth="1"/>
    <col min="9" max="9" width="20.28515625" bestFit="1" customWidth="1"/>
    <col min="10" max="10" width="20.140625" bestFit="1" customWidth="1"/>
    <col min="11" max="11" width="19" bestFit="1" customWidth="1"/>
  </cols>
  <sheetData>
    <row r="3" spans="1:11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</row>
    <row r="4" spans="1:11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</row>
    <row r="5" spans="1:11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1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1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</row>
    <row r="9" spans="1:11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</row>
    <row r="10" spans="1:11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1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1" x14ac:dyDescent="0.25">
      <c r="A12" s="3" t="s">
        <v>17</v>
      </c>
      <c r="B12" s="5" t="s">
        <v>18</v>
      </c>
      <c r="C12" s="11">
        <v>15441546800</v>
      </c>
      <c r="D12" s="11">
        <v>15653849300</v>
      </c>
      <c r="E12" s="11">
        <v>2698161673.02</v>
      </c>
      <c r="F12" s="11">
        <v>17.239999999999998</v>
      </c>
      <c r="G12" s="11">
        <v>5392816638.1199999</v>
      </c>
      <c r="H12" s="11">
        <v>34.450000000000003</v>
      </c>
      <c r="I12" s="11">
        <v>10261032661.879999</v>
      </c>
    </row>
    <row r="13" spans="1:11" x14ac:dyDescent="0.25">
      <c r="A13" s="3" t="s">
        <v>19</v>
      </c>
      <c r="B13" s="5" t="s">
        <v>20</v>
      </c>
      <c r="C13" s="11">
        <v>14142346300</v>
      </c>
      <c r="D13" s="11">
        <v>14254648800</v>
      </c>
      <c r="E13" s="11">
        <v>2693918439.9299998</v>
      </c>
      <c r="F13" s="11">
        <v>18.899999999999999</v>
      </c>
      <c r="G13" s="11">
        <v>5382174589.9399996</v>
      </c>
      <c r="H13" s="11">
        <v>37.76</v>
      </c>
      <c r="I13" s="11">
        <v>8872474210.0599995</v>
      </c>
    </row>
    <row r="14" spans="1:11" x14ac:dyDescent="0.25">
      <c r="A14" s="3" t="s">
        <v>21</v>
      </c>
      <c r="B14" s="5" t="s">
        <v>22</v>
      </c>
      <c r="C14" s="11">
        <v>7750745900</v>
      </c>
      <c r="D14" s="11">
        <v>7750745900</v>
      </c>
      <c r="E14" s="11">
        <v>1537448694.5899999</v>
      </c>
      <c r="F14" s="11">
        <v>19.84</v>
      </c>
      <c r="G14" s="11">
        <v>3100844188.5500002</v>
      </c>
      <c r="H14" s="11">
        <v>40.01</v>
      </c>
      <c r="I14" s="11">
        <v>4649901711.4499998</v>
      </c>
    </row>
    <row r="15" spans="1:11" x14ac:dyDescent="0.25">
      <c r="A15" s="2" t="s">
        <v>23</v>
      </c>
      <c r="B15" s="4" t="s">
        <v>24</v>
      </c>
      <c r="C15" s="12">
        <v>7480536900</v>
      </c>
      <c r="D15" s="12">
        <v>7480536900</v>
      </c>
      <c r="E15" s="12">
        <v>1488342862.1300001</v>
      </c>
      <c r="F15" s="12">
        <v>19.899999999999999</v>
      </c>
      <c r="G15" s="12">
        <v>3007785806.4400001</v>
      </c>
      <c r="H15" s="12">
        <v>40.21</v>
      </c>
      <c r="I15" s="12">
        <v>4472751093.5600004</v>
      </c>
    </row>
    <row r="16" spans="1:11" x14ac:dyDescent="0.25">
      <c r="A16" s="2" t="s">
        <v>25</v>
      </c>
      <c r="B16" s="4" t="s">
        <v>26</v>
      </c>
      <c r="C16" s="12">
        <v>270209000</v>
      </c>
      <c r="D16" s="12">
        <v>270209000</v>
      </c>
      <c r="E16" s="12">
        <v>49105832.460000001</v>
      </c>
      <c r="F16" s="12">
        <v>18.170000000000002</v>
      </c>
      <c r="G16" s="12">
        <v>93058382.109999999</v>
      </c>
      <c r="H16" s="12">
        <v>34.44</v>
      </c>
      <c r="I16" s="12">
        <v>177150617.88999999</v>
      </c>
    </row>
    <row r="17" spans="1:9" x14ac:dyDescent="0.25">
      <c r="A17" s="2" t="s">
        <v>27</v>
      </c>
      <c r="B17" s="4" t="s">
        <v>28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30</v>
      </c>
      <c r="C18" s="11">
        <v>770355100</v>
      </c>
      <c r="D18" s="11">
        <v>870355100</v>
      </c>
      <c r="E18" s="11">
        <v>147704633.99000001</v>
      </c>
      <c r="F18" s="11">
        <v>16.97</v>
      </c>
      <c r="G18" s="11">
        <v>264274003.25</v>
      </c>
      <c r="H18" s="11">
        <v>30.36</v>
      </c>
      <c r="I18" s="11">
        <v>606081096.75</v>
      </c>
    </row>
    <row r="19" spans="1:9" x14ac:dyDescent="0.25">
      <c r="A19" s="2" t="s">
        <v>31</v>
      </c>
      <c r="B19" s="4" t="s">
        <v>32</v>
      </c>
      <c r="C19" s="12">
        <v>770355100</v>
      </c>
      <c r="D19" s="12">
        <v>870355100</v>
      </c>
      <c r="E19" s="12">
        <v>147704633.99000001</v>
      </c>
      <c r="F19" s="12">
        <v>16.97</v>
      </c>
      <c r="G19" s="12">
        <v>264274003.25</v>
      </c>
      <c r="H19" s="12">
        <v>30.36</v>
      </c>
      <c r="I19" s="12">
        <v>606081096.75</v>
      </c>
    </row>
    <row r="20" spans="1:9" x14ac:dyDescent="0.25">
      <c r="A20" s="2" t="s">
        <v>33</v>
      </c>
      <c r="B20" s="4" t="s">
        <v>34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2" t="s">
        <v>35</v>
      </c>
      <c r="B21" s="4" t="s">
        <v>36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</row>
    <row r="22" spans="1:9" x14ac:dyDescent="0.25">
      <c r="A22" s="2" t="s">
        <v>37</v>
      </c>
      <c r="B22" s="4" t="s">
        <v>38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3" t="s">
        <v>39</v>
      </c>
      <c r="B23" s="5" t="s">
        <v>40</v>
      </c>
      <c r="C23" s="11">
        <v>110812700</v>
      </c>
      <c r="D23" s="11">
        <v>110822700</v>
      </c>
      <c r="E23" s="11">
        <v>21348880.920000002</v>
      </c>
      <c r="F23" s="11">
        <v>19.260000000000002</v>
      </c>
      <c r="G23" s="11">
        <v>40349057.170000002</v>
      </c>
      <c r="H23" s="11">
        <v>36.409999999999997</v>
      </c>
      <c r="I23" s="11">
        <v>70473642.829999998</v>
      </c>
    </row>
    <row r="24" spans="1:9" x14ac:dyDescent="0.25">
      <c r="A24" s="2" t="s">
        <v>41</v>
      </c>
      <c r="B24" s="4" t="s">
        <v>42</v>
      </c>
      <c r="C24" s="12">
        <v>1676900</v>
      </c>
      <c r="D24" s="12">
        <v>1676900</v>
      </c>
      <c r="E24" s="12">
        <v>151338.66</v>
      </c>
      <c r="F24" s="12">
        <v>9.02</v>
      </c>
      <c r="G24" s="12">
        <v>326509.48</v>
      </c>
      <c r="H24" s="12">
        <v>19.47</v>
      </c>
      <c r="I24" s="12">
        <v>1350390.52</v>
      </c>
    </row>
    <row r="25" spans="1:9" x14ac:dyDescent="0.25">
      <c r="A25" s="2" t="s">
        <v>43</v>
      </c>
      <c r="B25" s="4" t="s">
        <v>44</v>
      </c>
      <c r="C25" s="12">
        <v>71335900</v>
      </c>
      <c r="D25" s="12">
        <v>71345900</v>
      </c>
      <c r="E25" s="12">
        <v>11206847.34</v>
      </c>
      <c r="F25" s="12">
        <v>15.71</v>
      </c>
      <c r="G25" s="12">
        <v>16763947.310000001</v>
      </c>
      <c r="H25" s="12">
        <v>23.5</v>
      </c>
      <c r="I25" s="12">
        <v>54581952.689999998</v>
      </c>
    </row>
    <row r="26" spans="1:9" x14ac:dyDescent="0.25">
      <c r="A26" s="2" t="s">
        <v>45</v>
      </c>
      <c r="B26" s="4" t="s">
        <v>46</v>
      </c>
      <c r="C26" s="12">
        <v>2661000</v>
      </c>
      <c r="D26" s="12">
        <v>2661000</v>
      </c>
      <c r="E26" s="12">
        <v>500471.99</v>
      </c>
      <c r="F26" s="12">
        <v>18.809999999999999</v>
      </c>
      <c r="G26" s="12">
        <v>1058202.8600000001</v>
      </c>
      <c r="H26" s="12">
        <v>39.770000000000003</v>
      </c>
      <c r="I26" s="12">
        <v>1602797.14</v>
      </c>
    </row>
    <row r="27" spans="1:9" x14ac:dyDescent="0.25">
      <c r="A27" s="2" t="s">
        <v>47</v>
      </c>
      <c r="B27" s="4" t="s">
        <v>48</v>
      </c>
      <c r="C27" s="12">
        <v>29138900</v>
      </c>
      <c r="D27" s="12">
        <v>29138900</v>
      </c>
      <c r="E27" s="12">
        <v>916017.54</v>
      </c>
      <c r="F27" s="12">
        <v>3.14</v>
      </c>
      <c r="G27" s="12">
        <v>10499967.699999999</v>
      </c>
      <c r="H27" s="12">
        <v>36.03</v>
      </c>
      <c r="I27" s="12">
        <v>18638932.300000001</v>
      </c>
    </row>
    <row r="28" spans="1:9" x14ac:dyDescent="0.25">
      <c r="A28" s="2" t="s">
        <v>49</v>
      </c>
      <c r="B28" s="4" t="s">
        <v>5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52</v>
      </c>
      <c r="C29" s="12">
        <v>6000000</v>
      </c>
      <c r="D29" s="12">
        <v>6000000</v>
      </c>
      <c r="E29" s="12">
        <v>8574205.3900000006</v>
      </c>
      <c r="F29" s="12">
        <v>142.9</v>
      </c>
      <c r="G29" s="12">
        <v>11700429.82</v>
      </c>
      <c r="H29" s="12">
        <v>195.01</v>
      </c>
      <c r="I29" s="12">
        <v>-5700429.8200000003</v>
      </c>
    </row>
    <row r="30" spans="1:9" x14ac:dyDescent="0.25">
      <c r="A30" s="2" t="s">
        <v>53</v>
      </c>
      <c r="B30" s="4" t="s">
        <v>54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</row>
    <row r="31" spans="1:9" x14ac:dyDescent="0.25">
      <c r="A31" s="2" t="s">
        <v>55</v>
      </c>
      <c r="B31" s="4" t="s">
        <v>5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58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60</v>
      </c>
      <c r="C33" s="11">
        <v>876522000</v>
      </c>
      <c r="D33" s="11">
        <v>877222000</v>
      </c>
      <c r="E33" s="11">
        <v>103686070.64</v>
      </c>
      <c r="F33" s="11">
        <v>11.82</v>
      </c>
      <c r="G33" s="11">
        <v>232043469.65000001</v>
      </c>
      <c r="H33" s="11">
        <v>26.45</v>
      </c>
      <c r="I33" s="11">
        <v>645178530.35000002</v>
      </c>
    </row>
    <row r="34" spans="1:9" x14ac:dyDescent="0.25">
      <c r="A34" s="2" t="s">
        <v>61</v>
      </c>
      <c r="B34" s="4" t="s">
        <v>62</v>
      </c>
      <c r="C34" s="12">
        <v>798357400</v>
      </c>
      <c r="D34" s="12">
        <v>799057400</v>
      </c>
      <c r="E34" s="12">
        <v>82100149.650000006</v>
      </c>
      <c r="F34" s="12">
        <v>10.27</v>
      </c>
      <c r="G34" s="12">
        <v>200161353</v>
      </c>
      <c r="H34" s="12">
        <v>25.05</v>
      </c>
      <c r="I34" s="12">
        <v>598896047</v>
      </c>
    </row>
    <row r="35" spans="1:9" x14ac:dyDescent="0.25">
      <c r="A35" s="2" t="s">
        <v>63</v>
      </c>
      <c r="B35" s="4" t="s">
        <v>64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</row>
    <row r="36" spans="1:9" x14ac:dyDescent="0.25">
      <c r="A36" s="2" t="s">
        <v>65</v>
      </c>
      <c r="B36" s="4" t="s">
        <v>66</v>
      </c>
      <c r="C36" s="12">
        <v>68845800</v>
      </c>
      <c r="D36" s="12">
        <v>68845800</v>
      </c>
      <c r="E36" s="12">
        <v>18861147.66</v>
      </c>
      <c r="F36" s="12">
        <v>27.4</v>
      </c>
      <c r="G36" s="12">
        <v>28314792.440000001</v>
      </c>
      <c r="H36" s="12">
        <v>41.13</v>
      </c>
      <c r="I36" s="12">
        <v>40531007.560000002</v>
      </c>
    </row>
    <row r="37" spans="1:9" x14ac:dyDescent="0.25">
      <c r="A37" s="2" t="s">
        <v>67</v>
      </c>
      <c r="B37" s="4" t="s">
        <v>68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</row>
    <row r="38" spans="1:9" x14ac:dyDescent="0.25">
      <c r="A38" s="2" t="s">
        <v>69</v>
      </c>
      <c r="B38" s="4" t="s">
        <v>70</v>
      </c>
      <c r="C38" s="12">
        <v>9318800</v>
      </c>
      <c r="D38" s="12">
        <v>9318800</v>
      </c>
      <c r="E38" s="12">
        <v>2724773.33</v>
      </c>
      <c r="F38" s="12">
        <v>29.24</v>
      </c>
      <c r="G38" s="12">
        <v>3567324.21</v>
      </c>
      <c r="H38" s="12">
        <v>38.28</v>
      </c>
      <c r="I38" s="12">
        <v>5751475.79</v>
      </c>
    </row>
    <row r="39" spans="1:9" x14ac:dyDescent="0.25">
      <c r="A39" s="3" t="s">
        <v>71</v>
      </c>
      <c r="B39" s="5" t="s">
        <v>72</v>
      </c>
      <c r="C39" s="11">
        <v>4554115700</v>
      </c>
      <c r="D39" s="11">
        <v>4565218200</v>
      </c>
      <c r="E39" s="11">
        <v>870942761.28999996</v>
      </c>
      <c r="F39" s="11">
        <v>19.079999999999998</v>
      </c>
      <c r="G39" s="11">
        <v>1716873145.73</v>
      </c>
      <c r="H39" s="11">
        <v>37.61</v>
      </c>
      <c r="I39" s="11">
        <v>2848345054.27</v>
      </c>
    </row>
    <row r="40" spans="1:9" x14ac:dyDescent="0.25">
      <c r="A40" s="2" t="s">
        <v>73</v>
      </c>
      <c r="B40" s="4" t="s">
        <v>74</v>
      </c>
      <c r="C40" s="12">
        <v>1710671000</v>
      </c>
      <c r="D40" s="12">
        <v>1710671000</v>
      </c>
      <c r="E40" s="12">
        <v>273260895.68000001</v>
      </c>
      <c r="F40" s="12">
        <v>15.97</v>
      </c>
      <c r="G40" s="12">
        <v>618248457.29999995</v>
      </c>
      <c r="H40" s="12">
        <v>36.14</v>
      </c>
      <c r="I40" s="12">
        <v>1092422542.7</v>
      </c>
    </row>
    <row r="41" spans="1:9" x14ac:dyDescent="0.25">
      <c r="A41" s="2" t="s">
        <v>75</v>
      </c>
      <c r="B41" s="4" t="s">
        <v>76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</row>
    <row r="42" spans="1:9" x14ac:dyDescent="0.25">
      <c r="A42" s="2" t="s">
        <v>77</v>
      </c>
      <c r="B42" s="4" t="s">
        <v>78</v>
      </c>
      <c r="C42" s="12">
        <v>221400</v>
      </c>
      <c r="D42" s="12">
        <v>221400</v>
      </c>
      <c r="E42" s="12">
        <v>439651.87</v>
      </c>
      <c r="F42" s="12">
        <v>198.58</v>
      </c>
      <c r="G42" s="12">
        <v>712973.38</v>
      </c>
      <c r="H42" s="12">
        <v>322.02999999999997</v>
      </c>
      <c r="I42" s="12">
        <v>-491573.38</v>
      </c>
    </row>
    <row r="43" spans="1:9" x14ac:dyDescent="0.25">
      <c r="A43" s="2" t="s">
        <v>79</v>
      </c>
      <c r="B43" s="4" t="s">
        <v>80</v>
      </c>
      <c r="C43" s="12">
        <v>1633598900</v>
      </c>
      <c r="D43" s="12">
        <v>1644701400</v>
      </c>
      <c r="E43" s="12">
        <v>366635433.29000002</v>
      </c>
      <c r="F43" s="12">
        <v>22.29</v>
      </c>
      <c r="G43" s="12">
        <v>634432579.85000002</v>
      </c>
      <c r="H43" s="12">
        <v>38.57</v>
      </c>
      <c r="I43" s="12">
        <v>1010268820.15</v>
      </c>
    </row>
    <row r="44" spans="1:9" x14ac:dyDescent="0.25">
      <c r="A44" s="2" t="s">
        <v>81</v>
      </c>
      <c r="B44" s="4" t="s">
        <v>82</v>
      </c>
      <c r="C44" s="12">
        <v>1205818000</v>
      </c>
      <c r="D44" s="12">
        <v>1205818000</v>
      </c>
      <c r="E44" s="12">
        <v>230603666.94999999</v>
      </c>
      <c r="F44" s="12">
        <v>19.12</v>
      </c>
      <c r="G44" s="12">
        <v>463471021.69999999</v>
      </c>
      <c r="H44" s="12">
        <v>38.44</v>
      </c>
      <c r="I44" s="12">
        <v>742346978.29999995</v>
      </c>
    </row>
    <row r="45" spans="1:9" x14ac:dyDescent="0.25">
      <c r="A45" s="2" t="s">
        <v>83</v>
      </c>
      <c r="B45" s="4" t="s">
        <v>84</v>
      </c>
      <c r="C45" s="12">
        <v>1331000</v>
      </c>
      <c r="D45" s="12">
        <v>1331000</v>
      </c>
      <c r="E45" s="12">
        <v>0</v>
      </c>
      <c r="F45" s="12">
        <v>0</v>
      </c>
      <c r="G45" s="12">
        <v>0</v>
      </c>
      <c r="H45" s="12">
        <v>0</v>
      </c>
      <c r="I45" s="12">
        <v>1331000</v>
      </c>
    </row>
    <row r="46" spans="1:9" x14ac:dyDescent="0.25">
      <c r="A46" s="2" t="s">
        <v>85</v>
      </c>
      <c r="B46" s="4" t="s">
        <v>86</v>
      </c>
      <c r="C46" s="12">
        <v>2475400</v>
      </c>
      <c r="D46" s="12">
        <v>2475400</v>
      </c>
      <c r="E46" s="12">
        <v>3113.5</v>
      </c>
      <c r="F46" s="12">
        <v>0.13</v>
      </c>
      <c r="G46" s="12">
        <v>8113.5</v>
      </c>
      <c r="H46" s="12">
        <v>0.33</v>
      </c>
      <c r="I46" s="12">
        <v>2467286.5</v>
      </c>
    </row>
    <row r="47" spans="1:9" x14ac:dyDescent="0.25">
      <c r="A47" s="2" t="s">
        <v>87</v>
      </c>
      <c r="B47" s="4" t="s">
        <v>88</v>
      </c>
      <c r="C47" s="12">
        <v>0</v>
      </c>
      <c r="D47" s="12">
        <v>0</v>
      </c>
      <c r="E47" s="12">
        <v>0</v>
      </c>
      <c r="F47" s="12">
        <v>0</v>
      </c>
      <c r="G47" s="12">
        <v>0</v>
      </c>
      <c r="H47" s="12">
        <v>0</v>
      </c>
      <c r="I47" s="12">
        <v>0</v>
      </c>
    </row>
    <row r="48" spans="1:9" x14ac:dyDescent="0.25">
      <c r="A48" s="3" t="s">
        <v>89</v>
      </c>
      <c r="B48" s="5" t="s">
        <v>90</v>
      </c>
      <c r="C48" s="11">
        <v>79794900</v>
      </c>
      <c r="D48" s="11">
        <v>80284900</v>
      </c>
      <c r="E48" s="11">
        <v>12787398.5</v>
      </c>
      <c r="F48" s="11">
        <v>15.93</v>
      </c>
      <c r="G48" s="11">
        <v>27790725.59</v>
      </c>
      <c r="H48" s="11">
        <v>34.619999999999997</v>
      </c>
      <c r="I48" s="11">
        <v>52494174.409999996</v>
      </c>
    </row>
    <row r="49" spans="1:9" x14ac:dyDescent="0.25">
      <c r="A49" s="2" t="s">
        <v>91</v>
      </c>
      <c r="B49" s="4" t="s">
        <v>92</v>
      </c>
      <c r="C49" s="12">
        <v>49919500</v>
      </c>
      <c r="D49" s="12">
        <v>49919500</v>
      </c>
      <c r="E49" s="12">
        <v>5067959.8600000003</v>
      </c>
      <c r="F49" s="12">
        <v>10.15</v>
      </c>
      <c r="G49" s="12">
        <v>8123404.8200000003</v>
      </c>
      <c r="H49" s="12">
        <v>16.27</v>
      </c>
      <c r="I49" s="12">
        <v>41796095.18</v>
      </c>
    </row>
    <row r="50" spans="1:9" x14ac:dyDescent="0.25">
      <c r="A50" s="2" t="s">
        <v>93</v>
      </c>
      <c r="B50" s="4" t="s">
        <v>94</v>
      </c>
      <c r="C50" s="12">
        <v>17034300</v>
      </c>
      <c r="D50" s="12">
        <v>17034300</v>
      </c>
      <c r="E50" s="12">
        <v>5870808.7800000003</v>
      </c>
      <c r="F50" s="12">
        <v>34.46</v>
      </c>
      <c r="G50" s="12">
        <v>12007126.449999999</v>
      </c>
      <c r="H50" s="12">
        <v>70.489999999999995</v>
      </c>
      <c r="I50" s="12">
        <v>5027173.55</v>
      </c>
    </row>
    <row r="51" spans="1:9" x14ac:dyDescent="0.25">
      <c r="A51" s="2" t="s">
        <v>95</v>
      </c>
      <c r="B51" s="4" t="s">
        <v>96</v>
      </c>
      <c r="C51" s="12">
        <v>0</v>
      </c>
      <c r="D51" s="12">
        <v>0</v>
      </c>
      <c r="E51" s="12">
        <v>0</v>
      </c>
      <c r="F51" s="12">
        <v>0</v>
      </c>
      <c r="G51" s="12">
        <v>0</v>
      </c>
      <c r="H51" s="12">
        <v>0</v>
      </c>
      <c r="I51" s="12">
        <v>0</v>
      </c>
    </row>
    <row r="52" spans="1:9" x14ac:dyDescent="0.25">
      <c r="A52" s="2" t="s">
        <v>97</v>
      </c>
      <c r="B52" s="4" t="s">
        <v>98</v>
      </c>
      <c r="C52" s="12">
        <v>12841100</v>
      </c>
      <c r="D52" s="12">
        <v>13331100</v>
      </c>
      <c r="E52" s="12">
        <v>1848629.86</v>
      </c>
      <c r="F52" s="12">
        <v>13.87</v>
      </c>
      <c r="G52" s="12">
        <v>7660194.3200000003</v>
      </c>
      <c r="H52" s="12">
        <v>57.46</v>
      </c>
      <c r="I52" s="12">
        <v>5670905.6799999997</v>
      </c>
    </row>
    <row r="53" spans="1:9" x14ac:dyDescent="0.25">
      <c r="A53" s="3" t="s">
        <v>99</v>
      </c>
      <c r="B53" s="5" t="s">
        <v>100</v>
      </c>
      <c r="C53" s="11">
        <v>1299200500</v>
      </c>
      <c r="D53" s="11">
        <v>1399200500</v>
      </c>
      <c r="E53" s="11">
        <v>4243233.09</v>
      </c>
      <c r="F53" s="11">
        <v>0.3</v>
      </c>
      <c r="G53" s="11">
        <v>10642048.18</v>
      </c>
      <c r="H53" s="11">
        <v>0.76</v>
      </c>
      <c r="I53" s="11">
        <v>1388558451.8199999</v>
      </c>
    </row>
    <row r="54" spans="1:9" x14ac:dyDescent="0.25">
      <c r="A54" s="3" t="s">
        <v>101</v>
      </c>
      <c r="B54" s="5" t="s">
        <v>102</v>
      </c>
      <c r="C54" s="11">
        <v>24511000</v>
      </c>
      <c r="D54" s="11">
        <v>124511000</v>
      </c>
      <c r="E54" s="11">
        <v>0</v>
      </c>
      <c r="F54" s="11">
        <v>0</v>
      </c>
      <c r="G54" s="11">
        <v>0</v>
      </c>
      <c r="H54" s="11">
        <v>0</v>
      </c>
      <c r="I54" s="11">
        <v>124511000</v>
      </c>
    </row>
    <row r="55" spans="1:9" x14ac:dyDescent="0.25">
      <c r="A55" s="2" t="s">
        <v>103</v>
      </c>
      <c r="B55" s="4" t="s">
        <v>104</v>
      </c>
      <c r="C55" s="12">
        <v>0</v>
      </c>
      <c r="D55" s="12">
        <v>100000000</v>
      </c>
      <c r="E55" s="12">
        <v>0</v>
      </c>
      <c r="F55" s="12">
        <v>0</v>
      </c>
      <c r="G55" s="12">
        <v>0</v>
      </c>
      <c r="H55" s="12">
        <v>0</v>
      </c>
      <c r="I55" s="12">
        <v>100000000</v>
      </c>
    </row>
    <row r="56" spans="1:9" x14ac:dyDescent="0.25">
      <c r="A56" s="2" t="s">
        <v>105</v>
      </c>
      <c r="B56" s="4" t="s">
        <v>106</v>
      </c>
      <c r="C56" s="12">
        <v>24511000</v>
      </c>
      <c r="D56" s="12">
        <v>24511000</v>
      </c>
      <c r="E56" s="12">
        <v>0</v>
      </c>
      <c r="F56" s="12">
        <v>0</v>
      </c>
      <c r="G56" s="12">
        <v>0</v>
      </c>
      <c r="H56" s="12">
        <v>0</v>
      </c>
      <c r="I56" s="12">
        <v>24511000</v>
      </c>
    </row>
    <row r="57" spans="1:9" x14ac:dyDescent="0.25">
      <c r="A57" s="3" t="s">
        <v>107</v>
      </c>
      <c r="B57" s="5" t="s">
        <v>108</v>
      </c>
      <c r="C57" s="11">
        <v>5395200</v>
      </c>
      <c r="D57" s="11">
        <v>5395200</v>
      </c>
      <c r="E57" s="11">
        <v>661474.85</v>
      </c>
      <c r="F57" s="11">
        <v>12.26</v>
      </c>
      <c r="G57" s="11">
        <v>1889052.62</v>
      </c>
      <c r="H57" s="11">
        <v>35.01</v>
      </c>
      <c r="I57" s="11">
        <v>3506147.38</v>
      </c>
    </row>
    <row r="58" spans="1:9" x14ac:dyDescent="0.25">
      <c r="A58" s="2" t="s">
        <v>109</v>
      </c>
      <c r="B58" s="4" t="s">
        <v>110</v>
      </c>
      <c r="C58" s="12">
        <v>1266200</v>
      </c>
      <c r="D58" s="12">
        <v>1266200</v>
      </c>
      <c r="E58" s="12">
        <v>497190</v>
      </c>
      <c r="F58" s="12">
        <v>39.270000000000003</v>
      </c>
      <c r="G58" s="12">
        <v>1670290</v>
      </c>
      <c r="H58" s="12">
        <v>131.91</v>
      </c>
      <c r="I58" s="12">
        <v>-404090</v>
      </c>
    </row>
    <row r="59" spans="1:9" x14ac:dyDescent="0.25">
      <c r="A59" s="2" t="s">
        <v>111</v>
      </c>
      <c r="B59" s="4" t="s">
        <v>112</v>
      </c>
      <c r="C59" s="12">
        <v>4129000</v>
      </c>
      <c r="D59" s="12">
        <v>4129000</v>
      </c>
      <c r="E59" s="12">
        <v>164284.85</v>
      </c>
      <c r="F59" s="12">
        <v>3.98</v>
      </c>
      <c r="G59" s="12">
        <v>218762.62</v>
      </c>
      <c r="H59" s="12">
        <v>5.3</v>
      </c>
      <c r="I59" s="12">
        <v>3910237.38</v>
      </c>
    </row>
    <row r="60" spans="1:9" x14ac:dyDescent="0.25">
      <c r="A60" s="2" t="s">
        <v>113</v>
      </c>
      <c r="B60" s="4" t="s">
        <v>114</v>
      </c>
      <c r="C60" s="12">
        <v>0</v>
      </c>
      <c r="D60" s="12">
        <v>0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2" t="s">
        <v>115</v>
      </c>
      <c r="B61" s="4" t="s">
        <v>116</v>
      </c>
      <c r="C61" s="12">
        <v>8150600</v>
      </c>
      <c r="D61" s="12">
        <v>8150600</v>
      </c>
      <c r="E61" s="12">
        <v>1564581.11</v>
      </c>
      <c r="F61" s="12">
        <v>19.2</v>
      </c>
      <c r="G61" s="12">
        <v>2903053.48</v>
      </c>
      <c r="H61" s="12">
        <v>35.619999999999997</v>
      </c>
      <c r="I61" s="12">
        <v>5247546.5199999996</v>
      </c>
    </row>
    <row r="62" spans="1:9" x14ac:dyDescent="0.25">
      <c r="A62" s="3" t="s">
        <v>117</v>
      </c>
      <c r="B62" s="5" t="s">
        <v>118</v>
      </c>
      <c r="C62" s="11">
        <v>613073700</v>
      </c>
      <c r="D62" s="11">
        <v>613073700</v>
      </c>
      <c r="E62" s="11">
        <v>2017177.13</v>
      </c>
      <c r="F62" s="11">
        <v>0.33</v>
      </c>
      <c r="G62" s="11">
        <v>5849942.0800000001</v>
      </c>
      <c r="H62" s="11">
        <v>0.95</v>
      </c>
      <c r="I62" s="11">
        <v>607223757.91999996</v>
      </c>
    </row>
    <row r="63" spans="1:9" x14ac:dyDescent="0.25">
      <c r="A63" s="2" t="s">
        <v>119</v>
      </c>
      <c r="B63" s="4" t="s">
        <v>74</v>
      </c>
      <c r="C63" s="12">
        <v>611354000</v>
      </c>
      <c r="D63" s="12">
        <v>611354000</v>
      </c>
      <c r="E63" s="12">
        <v>1916820.38</v>
      </c>
      <c r="F63" s="12">
        <v>0.31</v>
      </c>
      <c r="G63" s="12">
        <v>5749585.3300000001</v>
      </c>
      <c r="H63" s="12">
        <v>0.94</v>
      </c>
      <c r="I63" s="12">
        <v>605604414.66999996</v>
      </c>
    </row>
    <row r="64" spans="1:9" x14ac:dyDescent="0.25">
      <c r="A64" s="2" t="s">
        <v>120</v>
      </c>
      <c r="B64" s="4" t="s">
        <v>76</v>
      </c>
      <c r="C64" s="12">
        <v>638000</v>
      </c>
      <c r="D64" s="12">
        <v>638000</v>
      </c>
      <c r="E64" s="12">
        <v>100356.75</v>
      </c>
      <c r="F64" s="12">
        <v>15.73</v>
      </c>
      <c r="G64" s="12">
        <v>100356.75</v>
      </c>
      <c r="H64" s="12">
        <v>15.73</v>
      </c>
      <c r="I64" s="12">
        <v>537643.25</v>
      </c>
    </row>
    <row r="65" spans="1:9" x14ac:dyDescent="0.25">
      <c r="A65" s="2" t="s">
        <v>121</v>
      </c>
      <c r="B65" s="4" t="s">
        <v>78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22</v>
      </c>
      <c r="B66" s="4" t="s">
        <v>80</v>
      </c>
      <c r="C66" s="12">
        <v>0</v>
      </c>
      <c r="D66" s="12">
        <v>0</v>
      </c>
      <c r="E66" s="12">
        <v>0</v>
      </c>
      <c r="F66" s="12">
        <v>0</v>
      </c>
      <c r="G66" s="12">
        <v>0</v>
      </c>
      <c r="H66" s="12">
        <v>0</v>
      </c>
      <c r="I66" s="12">
        <v>0</v>
      </c>
    </row>
    <row r="67" spans="1:9" x14ac:dyDescent="0.25">
      <c r="A67" s="2" t="s">
        <v>123</v>
      </c>
      <c r="B67" s="4" t="s">
        <v>82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2" t="s">
        <v>124</v>
      </c>
      <c r="B68" s="4" t="s">
        <v>84</v>
      </c>
      <c r="C68" s="12">
        <v>257000</v>
      </c>
      <c r="D68" s="12">
        <v>257000</v>
      </c>
      <c r="E68" s="12">
        <v>0</v>
      </c>
      <c r="F68" s="12">
        <v>0</v>
      </c>
      <c r="G68" s="12">
        <v>0</v>
      </c>
      <c r="H68" s="12">
        <v>0</v>
      </c>
      <c r="I68" s="12">
        <v>257000</v>
      </c>
    </row>
    <row r="69" spans="1:9" x14ac:dyDescent="0.25">
      <c r="A69" s="2" t="s">
        <v>125</v>
      </c>
      <c r="B69" s="4" t="s">
        <v>86</v>
      </c>
      <c r="C69" s="12">
        <v>824700</v>
      </c>
      <c r="D69" s="12">
        <v>824700</v>
      </c>
      <c r="E69" s="12">
        <v>0</v>
      </c>
      <c r="F69" s="12">
        <v>0</v>
      </c>
      <c r="G69" s="12">
        <v>0</v>
      </c>
      <c r="H69" s="12">
        <v>0</v>
      </c>
      <c r="I69" s="12">
        <v>824700</v>
      </c>
    </row>
    <row r="70" spans="1:9" x14ac:dyDescent="0.25">
      <c r="A70" s="2" t="s">
        <v>126</v>
      </c>
      <c r="B70" s="4" t="s">
        <v>88</v>
      </c>
      <c r="C70" s="12">
        <v>0</v>
      </c>
      <c r="D70" s="12">
        <v>0</v>
      </c>
      <c r="E70" s="12">
        <v>0</v>
      </c>
      <c r="F70" s="12">
        <v>0</v>
      </c>
      <c r="G70" s="12">
        <v>0</v>
      </c>
      <c r="H70" s="12">
        <v>0</v>
      </c>
      <c r="I70" s="12">
        <v>0</v>
      </c>
    </row>
    <row r="71" spans="1:9" x14ac:dyDescent="0.25">
      <c r="A71" s="3" t="s">
        <v>127</v>
      </c>
      <c r="B71" s="5" t="s">
        <v>128</v>
      </c>
      <c r="C71" s="11">
        <v>648070000</v>
      </c>
      <c r="D71" s="11">
        <v>648070000</v>
      </c>
      <c r="E71" s="11">
        <v>0</v>
      </c>
      <c r="F71" s="11">
        <v>0</v>
      </c>
      <c r="G71" s="11">
        <v>0</v>
      </c>
      <c r="H71" s="11">
        <v>0</v>
      </c>
      <c r="I71" s="11">
        <v>648070000</v>
      </c>
    </row>
    <row r="72" spans="1:9" x14ac:dyDescent="0.25">
      <c r="A72" s="2" t="s">
        <v>129</v>
      </c>
      <c r="B72" s="4" t="s">
        <v>130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</row>
    <row r="73" spans="1:9" x14ac:dyDescent="0.25">
      <c r="A73" s="2" t="s">
        <v>131</v>
      </c>
      <c r="B73" s="4" t="s">
        <v>132</v>
      </c>
      <c r="C73" s="12">
        <v>0</v>
      </c>
      <c r="D73" s="12">
        <v>0</v>
      </c>
      <c r="E73" s="12">
        <v>0</v>
      </c>
      <c r="F73" s="12">
        <v>0</v>
      </c>
      <c r="G73" s="12">
        <v>0</v>
      </c>
      <c r="H73" s="12">
        <v>0</v>
      </c>
      <c r="I73" s="12">
        <v>0</v>
      </c>
    </row>
    <row r="74" spans="1:9" x14ac:dyDescent="0.25">
      <c r="A74" s="2" t="s">
        <v>133</v>
      </c>
      <c r="B74" s="4" t="s">
        <v>134</v>
      </c>
      <c r="C74" s="12">
        <v>0</v>
      </c>
      <c r="D74" s="12">
        <v>0</v>
      </c>
      <c r="E74" s="12">
        <v>0</v>
      </c>
      <c r="F74" s="12">
        <v>0</v>
      </c>
      <c r="G74" s="12">
        <v>0</v>
      </c>
      <c r="H74" s="12">
        <v>0</v>
      </c>
      <c r="I74" s="12">
        <v>0</v>
      </c>
    </row>
    <row r="75" spans="1:9" x14ac:dyDescent="0.25">
      <c r="A75" s="2" t="s">
        <v>135</v>
      </c>
      <c r="B75" s="4" t="s">
        <v>136</v>
      </c>
      <c r="C75" s="12">
        <v>648070000</v>
      </c>
      <c r="D75" s="12">
        <v>648070000</v>
      </c>
      <c r="E75" s="12">
        <v>0</v>
      </c>
      <c r="F75" s="12">
        <v>0</v>
      </c>
      <c r="G75" s="12">
        <v>0</v>
      </c>
      <c r="H75" s="12">
        <v>0</v>
      </c>
      <c r="I75" s="12">
        <v>648070000</v>
      </c>
    </row>
    <row r="76" spans="1:9" x14ac:dyDescent="0.25">
      <c r="A76" s="2" t="s">
        <v>137</v>
      </c>
      <c r="B76" s="4" t="s">
        <v>138</v>
      </c>
      <c r="C76" s="12">
        <v>1382157700</v>
      </c>
      <c r="D76" s="12">
        <v>1390157700</v>
      </c>
      <c r="E76" s="12">
        <v>289339790.04000002</v>
      </c>
      <c r="F76" s="12">
        <v>20.81</v>
      </c>
      <c r="G76" s="12">
        <v>609215365.83000004</v>
      </c>
      <c r="H76" s="12">
        <v>43.82</v>
      </c>
      <c r="I76" s="12">
        <v>780942334.16999996</v>
      </c>
    </row>
    <row r="77" spans="1:9" x14ac:dyDescent="0.25">
      <c r="A77" s="3" t="s">
        <v>139</v>
      </c>
      <c r="B77" s="5" t="s">
        <v>140</v>
      </c>
      <c r="C77" s="11">
        <v>16823704500</v>
      </c>
      <c r="D77" s="11">
        <v>17044007000</v>
      </c>
      <c r="E77" s="11">
        <v>2987501463.0599999</v>
      </c>
      <c r="F77" s="11">
        <v>17.53</v>
      </c>
      <c r="G77" s="11">
        <v>6002032003.9499998</v>
      </c>
      <c r="H77" s="11">
        <v>35.21</v>
      </c>
      <c r="I77" s="11">
        <v>11041974996.049999</v>
      </c>
    </row>
    <row r="78" spans="1:9" x14ac:dyDescent="0.25">
      <c r="A78" s="3" t="s">
        <v>141</v>
      </c>
      <c r="B78" s="5" t="s">
        <v>142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</row>
    <row r="79" spans="1:9" x14ac:dyDescent="0.25">
      <c r="A79" s="3" t="s">
        <v>143</v>
      </c>
      <c r="B79" s="5" t="s">
        <v>144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</row>
    <row r="80" spans="1:9" x14ac:dyDescent="0.25">
      <c r="A80" s="2" t="s">
        <v>145</v>
      </c>
      <c r="B80" s="4" t="s">
        <v>146</v>
      </c>
      <c r="C80" s="12">
        <v>0</v>
      </c>
      <c r="D80" s="12">
        <v>0</v>
      </c>
      <c r="E80" s="12">
        <v>0</v>
      </c>
      <c r="F80" s="12">
        <v>0</v>
      </c>
      <c r="G80" s="12">
        <v>0</v>
      </c>
      <c r="H80" s="12">
        <v>0</v>
      </c>
      <c r="I80" s="12">
        <v>0</v>
      </c>
    </row>
    <row r="81" spans="1:11" x14ac:dyDescent="0.25">
      <c r="A81" s="2" t="s">
        <v>147</v>
      </c>
      <c r="B81" s="4" t="s">
        <v>148</v>
      </c>
      <c r="C81" s="12">
        <v>0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</row>
    <row r="82" spans="1:11" x14ac:dyDescent="0.25">
      <c r="A82" s="3" t="s">
        <v>149</v>
      </c>
      <c r="B82" s="5" t="s">
        <v>150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</row>
    <row r="83" spans="1:11" x14ac:dyDescent="0.25">
      <c r="A83" s="2" t="s">
        <v>151</v>
      </c>
      <c r="B83" s="4" t="s">
        <v>146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  <c r="I83" s="12">
        <v>0</v>
      </c>
    </row>
    <row r="84" spans="1:11" x14ac:dyDescent="0.25">
      <c r="A84" s="2" t="s">
        <v>152</v>
      </c>
      <c r="B84" s="4" t="s">
        <v>148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  <c r="H84" s="12">
        <v>0</v>
      </c>
      <c r="I84" s="12">
        <v>0</v>
      </c>
    </row>
    <row r="85" spans="1:11" x14ac:dyDescent="0.25">
      <c r="A85" s="3" t="s">
        <v>153</v>
      </c>
      <c r="B85" s="5" t="s">
        <v>154</v>
      </c>
      <c r="C85" s="11">
        <v>16823704500</v>
      </c>
      <c r="D85" s="11">
        <v>17044007000</v>
      </c>
      <c r="E85" s="11">
        <v>2987501463.0599999</v>
      </c>
      <c r="F85" s="11">
        <v>17.53</v>
      </c>
      <c r="G85" s="11">
        <v>6002032003.9499998</v>
      </c>
      <c r="H85" s="11">
        <v>35.21</v>
      </c>
      <c r="I85" s="11">
        <v>11041974996.049999</v>
      </c>
    </row>
    <row r="86" spans="1:11" x14ac:dyDescent="0.25">
      <c r="A86" s="2" t="s">
        <v>155</v>
      </c>
      <c r="B86" s="4" t="s">
        <v>156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</row>
    <row r="87" spans="1:11" x14ac:dyDescent="0.25">
      <c r="A87" s="3" t="s">
        <v>157</v>
      </c>
      <c r="B87" s="5" t="s">
        <v>158</v>
      </c>
      <c r="C87" s="11">
        <v>16823704500</v>
      </c>
      <c r="D87" s="11">
        <v>17044007000</v>
      </c>
      <c r="E87" s="11">
        <v>2987501463.0599999</v>
      </c>
      <c r="F87" s="11">
        <v>17.53</v>
      </c>
      <c r="G87" s="11">
        <v>6002032003.9499998</v>
      </c>
      <c r="H87" s="11">
        <v>35.21</v>
      </c>
      <c r="I87" s="11">
        <v>11041974996.049999</v>
      </c>
    </row>
    <row r="88" spans="1:11" x14ac:dyDescent="0.25">
      <c r="A88" s="3" t="s">
        <v>159</v>
      </c>
      <c r="B88" s="5" t="s">
        <v>160</v>
      </c>
      <c r="C88" s="11">
        <v>0</v>
      </c>
      <c r="D88" s="11">
        <v>334568004.61000001</v>
      </c>
      <c r="E88" s="11">
        <v>0</v>
      </c>
      <c r="F88" s="11">
        <v>0</v>
      </c>
      <c r="G88" s="11">
        <v>334568004.61000001</v>
      </c>
      <c r="H88" s="11">
        <v>100</v>
      </c>
      <c r="I88" s="11">
        <v>0</v>
      </c>
    </row>
    <row r="89" spans="1:11" x14ac:dyDescent="0.25">
      <c r="A89" s="2" t="s">
        <v>161</v>
      </c>
      <c r="B89" s="4" t="s">
        <v>162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</row>
    <row r="90" spans="1:11" x14ac:dyDescent="0.25">
      <c r="A90" s="2" t="s">
        <v>163</v>
      </c>
      <c r="B90" s="4" t="s">
        <v>164</v>
      </c>
      <c r="C90" s="12">
        <v>0</v>
      </c>
      <c r="D90" s="12">
        <v>334568004.61000001</v>
      </c>
      <c r="E90" s="12">
        <v>0</v>
      </c>
      <c r="F90" s="12">
        <v>0</v>
      </c>
      <c r="G90" s="12">
        <v>334568004.61000001</v>
      </c>
      <c r="H90" s="12">
        <v>100</v>
      </c>
      <c r="I90" s="12">
        <v>0</v>
      </c>
    </row>
    <row r="92" spans="1:11" x14ac:dyDescent="0.25">
      <c r="A92" s="10" t="s">
        <v>6</v>
      </c>
      <c r="B92" s="10" t="s">
        <v>165</v>
      </c>
      <c r="C92" s="10" t="s">
        <v>166</v>
      </c>
      <c r="D92" s="10" t="s">
        <v>167</v>
      </c>
      <c r="E92" s="10" t="s">
        <v>168</v>
      </c>
      <c r="F92" s="10" t="s">
        <v>7</v>
      </c>
      <c r="G92" s="10" t="s">
        <v>171</v>
      </c>
      <c r="H92" s="10" t="s">
        <v>172</v>
      </c>
      <c r="I92" s="10" t="s">
        <v>7</v>
      </c>
      <c r="J92" s="10" t="s">
        <v>174</v>
      </c>
      <c r="K92" s="10" t="s">
        <v>175</v>
      </c>
    </row>
    <row r="93" spans="1:11" ht="21" x14ac:dyDescent="0.25">
      <c r="A93" s="10" t="s">
        <v>7</v>
      </c>
      <c r="B93" s="10" t="s">
        <v>7</v>
      </c>
      <c r="C93" s="10" t="s">
        <v>7</v>
      </c>
      <c r="D93" s="10" t="s">
        <v>7</v>
      </c>
      <c r="E93" s="1" t="s">
        <v>169</v>
      </c>
      <c r="F93" s="1" t="s">
        <v>170</v>
      </c>
      <c r="G93" s="10" t="s">
        <v>7</v>
      </c>
      <c r="H93" s="1" t="s">
        <v>169</v>
      </c>
      <c r="I93" s="1" t="s">
        <v>173</v>
      </c>
      <c r="J93" s="10" t="s">
        <v>7</v>
      </c>
      <c r="K93" s="10" t="s">
        <v>7</v>
      </c>
    </row>
    <row r="94" spans="1:11" x14ac:dyDescent="0.25">
      <c r="A94" s="3" t="s">
        <v>176</v>
      </c>
      <c r="B94" s="5" t="s">
        <v>177</v>
      </c>
      <c r="C94" s="11">
        <v>15050076900</v>
      </c>
      <c r="D94" s="11">
        <v>15434783219.82</v>
      </c>
      <c r="E94" s="11">
        <v>2433247678.8800001</v>
      </c>
      <c r="F94" s="11">
        <v>6146104576.2299995</v>
      </c>
      <c r="G94" s="11">
        <v>9288678643.5900002</v>
      </c>
      <c r="H94" s="11">
        <v>2297135237.7199998</v>
      </c>
      <c r="I94" s="11">
        <v>4579281223.5799999</v>
      </c>
      <c r="J94" s="11">
        <v>10855501996.24</v>
      </c>
      <c r="K94" s="11">
        <v>4414822616.7600002</v>
      </c>
    </row>
    <row r="95" spans="1:11" x14ac:dyDescent="0.25">
      <c r="A95" s="3" t="s">
        <v>178</v>
      </c>
      <c r="B95" s="5" t="s">
        <v>179</v>
      </c>
      <c r="C95" s="11">
        <v>12389602700</v>
      </c>
      <c r="D95" s="11">
        <v>12440905239.09</v>
      </c>
      <c r="E95" s="11">
        <v>1993751238.25</v>
      </c>
      <c r="F95" s="11">
        <v>5270218667.5200005</v>
      </c>
      <c r="G95" s="11">
        <v>7170686571.5699997</v>
      </c>
      <c r="H95" s="11">
        <v>2050183334.8199999</v>
      </c>
      <c r="I95" s="11">
        <v>4204308088.0799999</v>
      </c>
      <c r="J95" s="11">
        <v>8236597151.0100002</v>
      </c>
      <c r="K95" s="11">
        <v>4046202053.4899998</v>
      </c>
    </row>
    <row r="96" spans="1:11" x14ac:dyDescent="0.25">
      <c r="A96" s="2" t="s">
        <v>180</v>
      </c>
      <c r="B96" s="4" t="s">
        <v>181</v>
      </c>
      <c r="C96" s="12">
        <v>8178401200</v>
      </c>
      <c r="D96" s="12">
        <v>8004849501.8000002</v>
      </c>
      <c r="E96" s="12">
        <v>1301253788.5599999</v>
      </c>
      <c r="F96" s="12">
        <v>3576834653.8000002</v>
      </c>
      <c r="G96" s="12">
        <v>4428014848</v>
      </c>
      <c r="H96" s="12">
        <v>1390953051.6300001</v>
      </c>
      <c r="I96" s="12">
        <v>3019664190.2199998</v>
      </c>
      <c r="J96" s="12">
        <v>4985185311.5799999</v>
      </c>
      <c r="K96" s="12">
        <v>2966464632.96</v>
      </c>
    </row>
    <row r="97" spans="1:11" x14ac:dyDescent="0.25">
      <c r="A97" s="2" t="s">
        <v>182</v>
      </c>
      <c r="B97" s="4" t="s">
        <v>183</v>
      </c>
      <c r="C97" s="12">
        <v>530788700</v>
      </c>
      <c r="D97" s="12">
        <v>231557772</v>
      </c>
      <c r="E97" s="12">
        <v>51279464.539999999</v>
      </c>
      <c r="F97" s="12">
        <v>103718902.89</v>
      </c>
      <c r="G97" s="12">
        <v>127838869.11</v>
      </c>
      <c r="H97" s="12">
        <v>51460483.07</v>
      </c>
      <c r="I97" s="12">
        <v>102878938.29000001</v>
      </c>
      <c r="J97" s="12">
        <v>128678833.70999999</v>
      </c>
      <c r="K97" s="12">
        <v>102878938.29000001</v>
      </c>
    </row>
    <row r="98" spans="1:11" x14ac:dyDescent="0.25">
      <c r="A98" s="3" t="s">
        <v>184</v>
      </c>
      <c r="B98" s="5" t="s">
        <v>185</v>
      </c>
      <c r="C98" s="11">
        <v>3680412800</v>
      </c>
      <c r="D98" s="11">
        <v>4204497965.29</v>
      </c>
      <c r="E98" s="11">
        <v>641217985.14999998</v>
      </c>
      <c r="F98" s="11">
        <v>1589665110.8299999</v>
      </c>
      <c r="G98" s="11">
        <v>2614832854.46</v>
      </c>
      <c r="H98" s="11">
        <v>607769800.12</v>
      </c>
      <c r="I98" s="11">
        <v>1081764959.5699999</v>
      </c>
      <c r="J98" s="11">
        <v>3122733005.7199998</v>
      </c>
      <c r="K98" s="11">
        <v>976858482.24000001</v>
      </c>
    </row>
    <row r="99" spans="1:11" x14ac:dyDescent="0.25">
      <c r="A99" s="2" t="s">
        <v>186</v>
      </c>
      <c r="B99" s="4" t="s">
        <v>187</v>
      </c>
      <c r="C99" s="12">
        <v>168000000</v>
      </c>
      <c r="D99" s="12">
        <v>399958800</v>
      </c>
      <c r="E99" s="12">
        <v>81992955.760000005</v>
      </c>
      <c r="F99" s="12">
        <v>183837261.03999999</v>
      </c>
      <c r="G99" s="12">
        <v>216121538.96000001</v>
      </c>
      <c r="H99" s="12">
        <v>96992955.760000005</v>
      </c>
      <c r="I99" s="12">
        <v>183837261.03999999</v>
      </c>
      <c r="J99" s="12">
        <v>216121538.96000001</v>
      </c>
      <c r="K99" s="12">
        <v>139428320.75999999</v>
      </c>
    </row>
    <row r="100" spans="1:11" x14ac:dyDescent="0.25">
      <c r="A100" s="2" t="s">
        <v>188</v>
      </c>
      <c r="B100" s="4" t="s">
        <v>189</v>
      </c>
      <c r="C100" s="12">
        <v>3512412800</v>
      </c>
      <c r="D100" s="12">
        <v>3804539165.29</v>
      </c>
      <c r="E100" s="12">
        <v>559225029.38999999</v>
      </c>
      <c r="F100" s="12">
        <v>1405827849.79</v>
      </c>
      <c r="G100" s="12">
        <v>2398711315.5</v>
      </c>
      <c r="H100" s="12">
        <v>510776844.36000001</v>
      </c>
      <c r="I100" s="12">
        <v>897927698.52999997</v>
      </c>
      <c r="J100" s="12">
        <v>2906611466.7600002</v>
      </c>
      <c r="K100" s="12">
        <v>837430161.48000002</v>
      </c>
    </row>
    <row r="101" spans="1:11" x14ac:dyDescent="0.25">
      <c r="A101" s="3" t="s">
        <v>190</v>
      </c>
      <c r="B101" s="5" t="s">
        <v>191</v>
      </c>
      <c r="C101" s="11">
        <v>2526336200</v>
      </c>
      <c r="D101" s="11">
        <v>2948663853.73</v>
      </c>
      <c r="E101" s="11">
        <v>439496440.63</v>
      </c>
      <c r="F101" s="11">
        <v>875885908.71000004</v>
      </c>
      <c r="G101" s="11">
        <v>2072777945.02</v>
      </c>
      <c r="H101" s="11">
        <v>246951902.90000001</v>
      </c>
      <c r="I101" s="11">
        <v>374973135.5</v>
      </c>
      <c r="J101" s="11">
        <v>2573690718.23</v>
      </c>
      <c r="K101" s="11">
        <v>368620563.26999998</v>
      </c>
    </row>
    <row r="102" spans="1:11" x14ac:dyDescent="0.25">
      <c r="A102" s="2" t="s">
        <v>192</v>
      </c>
      <c r="B102" s="4" t="s">
        <v>193</v>
      </c>
      <c r="C102" s="12">
        <v>1959477700</v>
      </c>
      <c r="D102" s="12">
        <v>2567268960.73</v>
      </c>
      <c r="E102" s="12">
        <v>341558218.47000003</v>
      </c>
      <c r="F102" s="12">
        <v>729171597.37</v>
      </c>
      <c r="G102" s="12">
        <v>1838097363.3599999</v>
      </c>
      <c r="H102" s="12">
        <v>148773088.72</v>
      </c>
      <c r="I102" s="12">
        <v>232201597.90000001</v>
      </c>
      <c r="J102" s="12">
        <v>2335067362.8299999</v>
      </c>
      <c r="K102" s="12">
        <v>225849025.66999999</v>
      </c>
    </row>
    <row r="103" spans="1:11" x14ac:dyDescent="0.25">
      <c r="A103" s="2" t="s">
        <v>194</v>
      </c>
      <c r="B103" s="4" t="s">
        <v>195</v>
      </c>
      <c r="C103" s="12">
        <v>651100</v>
      </c>
      <c r="D103" s="12">
        <v>18621464</v>
      </c>
      <c r="E103" s="12">
        <v>130801</v>
      </c>
      <c r="F103" s="12">
        <v>9992314.6400000006</v>
      </c>
      <c r="G103" s="12">
        <v>8629149.3599999994</v>
      </c>
      <c r="H103" s="12">
        <v>190150.18</v>
      </c>
      <c r="I103" s="12">
        <v>6774945.1799999997</v>
      </c>
      <c r="J103" s="12">
        <v>11846518.82</v>
      </c>
      <c r="K103" s="12">
        <v>6774945.1799999997</v>
      </c>
    </row>
    <row r="104" spans="1:11" x14ac:dyDescent="0.25">
      <c r="A104" s="2" t="s">
        <v>196</v>
      </c>
      <c r="B104" s="4" t="s">
        <v>197</v>
      </c>
      <c r="C104" s="12">
        <v>566207400</v>
      </c>
      <c r="D104" s="12">
        <v>362773429</v>
      </c>
      <c r="E104" s="12">
        <v>97807421.159999996</v>
      </c>
      <c r="F104" s="12">
        <v>136721996.69999999</v>
      </c>
      <c r="G104" s="12">
        <v>226051432.30000001</v>
      </c>
      <c r="H104" s="12">
        <v>97988664</v>
      </c>
      <c r="I104" s="12">
        <v>135996592.41999999</v>
      </c>
      <c r="J104" s="12">
        <v>226776836.58000001</v>
      </c>
      <c r="K104" s="12">
        <v>135996592.41999999</v>
      </c>
    </row>
    <row r="105" spans="1:11" x14ac:dyDescent="0.25">
      <c r="A105" s="2" t="s">
        <v>198</v>
      </c>
      <c r="B105" s="4" t="s">
        <v>199</v>
      </c>
      <c r="C105" s="12">
        <v>134138000</v>
      </c>
      <c r="D105" s="12">
        <v>45214127</v>
      </c>
      <c r="E105" s="12">
        <v>0</v>
      </c>
      <c r="F105" s="12">
        <v>0</v>
      </c>
      <c r="G105" s="12">
        <v>45214127</v>
      </c>
      <c r="H105" s="12">
        <v>0</v>
      </c>
      <c r="I105" s="12">
        <v>0</v>
      </c>
      <c r="J105" s="12">
        <v>45214127</v>
      </c>
      <c r="K105" s="12">
        <v>0</v>
      </c>
    </row>
    <row r="106" spans="1:11" x14ac:dyDescent="0.25">
      <c r="A106" s="2" t="s">
        <v>200</v>
      </c>
      <c r="B106" s="4" t="s">
        <v>201</v>
      </c>
      <c r="C106" s="12">
        <v>1773627600</v>
      </c>
      <c r="D106" s="12">
        <v>1943791784.79</v>
      </c>
      <c r="E106" s="12">
        <v>303958242.52999997</v>
      </c>
      <c r="F106" s="12">
        <v>773727150.69000006</v>
      </c>
      <c r="G106" s="12">
        <v>1170064634.0999999</v>
      </c>
      <c r="H106" s="12">
        <v>329915976.04000002</v>
      </c>
      <c r="I106" s="12">
        <v>661254091.65999997</v>
      </c>
      <c r="J106" s="12">
        <v>1282537693.1300001</v>
      </c>
      <c r="K106" s="12">
        <v>529213189.87</v>
      </c>
    </row>
    <row r="107" spans="1:11" x14ac:dyDescent="0.25">
      <c r="A107" s="3" t="s">
        <v>202</v>
      </c>
      <c r="B107" s="5" t="s">
        <v>203</v>
      </c>
      <c r="C107" s="11">
        <v>16823704500</v>
      </c>
      <c r="D107" s="11">
        <v>17378575004.610001</v>
      </c>
      <c r="E107" s="11">
        <v>2737205921.4099998</v>
      </c>
      <c r="F107" s="11">
        <v>6919831726.9200001</v>
      </c>
      <c r="G107" s="11">
        <v>10458743277.690001</v>
      </c>
      <c r="H107" s="11">
        <v>2627051213.7600002</v>
      </c>
      <c r="I107" s="11">
        <v>5240535315.2399998</v>
      </c>
      <c r="J107" s="11">
        <v>12138039689.370001</v>
      </c>
      <c r="K107" s="11">
        <v>4944035806.6300001</v>
      </c>
    </row>
    <row r="108" spans="1:11" x14ac:dyDescent="0.25">
      <c r="A108" s="3" t="s">
        <v>204</v>
      </c>
      <c r="B108" s="5" t="s">
        <v>205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</row>
    <row r="109" spans="1:11" x14ac:dyDescent="0.25">
      <c r="A109" s="3" t="s">
        <v>206</v>
      </c>
      <c r="B109" s="5" t="s">
        <v>207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</row>
    <row r="110" spans="1:11" x14ac:dyDescent="0.25">
      <c r="A110" s="2" t="s">
        <v>208</v>
      </c>
      <c r="B110" s="4" t="s">
        <v>209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  <c r="I110" s="12">
        <v>0</v>
      </c>
      <c r="J110" s="12">
        <v>0</v>
      </c>
      <c r="K110" s="12">
        <v>0</v>
      </c>
    </row>
    <row r="111" spans="1:11" x14ac:dyDescent="0.25">
      <c r="A111" s="2" t="s">
        <v>210</v>
      </c>
      <c r="B111" s="4" t="s">
        <v>211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  <c r="H111" s="12">
        <v>0</v>
      </c>
      <c r="I111" s="12">
        <v>0</v>
      </c>
      <c r="J111" s="12">
        <v>0</v>
      </c>
      <c r="K111" s="12">
        <v>0</v>
      </c>
    </row>
    <row r="112" spans="1:11" x14ac:dyDescent="0.25">
      <c r="A112" s="3" t="s">
        <v>212</v>
      </c>
      <c r="B112" s="5" t="s">
        <v>213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</row>
    <row r="113" spans="1:11" x14ac:dyDescent="0.25">
      <c r="A113" s="2" t="s">
        <v>214</v>
      </c>
      <c r="B113" s="4" t="s">
        <v>209</v>
      </c>
      <c r="C113" s="12">
        <v>0</v>
      </c>
      <c r="D113" s="12">
        <v>0</v>
      </c>
      <c r="E113" s="12">
        <v>0</v>
      </c>
      <c r="F113" s="12">
        <v>0</v>
      </c>
      <c r="G113" s="12">
        <v>0</v>
      </c>
      <c r="H113" s="12">
        <v>0</v>
      </c>
      <c r="I113" s="12">
        <v>0</v>
      </c>
      <c r="J113" s="12">
        <v>0</v>
      </c>
      <c r="K113" s="12">
        <v>0</v>
      </c>
    </row>
    <row r="114" spans="1:11" x14ac:dyDescent="0.25">
      <c r="A114" s="2" t="s">
        <v>215</v>
      </c>
      <c r="B114" s="4" t="s">
        <v>211</v>
      </c>
      <c r="C114" s="12">
        <v>0</v>
      </c>
      <c r="D114" s="12">
        <v>0</v>
      </c>
      <c r="E114" s="12">
        <v>0</v>
      </c>
      <c r="F114" s="12">
        <v>0</v>
      </c>
      <c r="G114" s="12">
        <v>0</v>
      </c>
      <c r="H114" s="12">
        <v>0</v>
      </c>
      <c r="I114" s="12">
        <v>0</v>
      </c>
      <c r="J114" s="12">
        <v>0</v>
      </c>
      <c r="K114" s="12">
        <v>0</v>
      </c>
    </row>
    <row r="115" spans="1:11" x14ac:dyDescent="0.25">
      <c r="A115" s="3" t="s">
        <v>216</v>
      </c>
      <c r="B115" s="5" t="s">
        <v>217</v>
      </c>
      <c r="C115" s="11">
        <v>16823704500</v>
      </c>
      <c r="D115" s="11">
        <v>17378575004.610001</v>
      </c>
      <c r="E115" s="11">
        <v>2737205921.4099998</v>
      </c>
      <c r="F115" s="11">
        <v>6919831726.9200001</v>
      </c>
      <c r="G115" s="11">
        <v>10458743277.690001</v>
      </c>
      <c r="H115" s="11">
        <v>2627051213.7600002</v>
      </c>
      <c r="I115" s="11">
        <v>5240535315.2399998</v>
      </c>
      <c r="J115" s="11">
        <v>12138039689.370001</v>
      </c>
      <c r="K115" s="11">
        <v>4944035806.6300001</v>
      </c>
    </row>
    <row r="116" spans="1:11" x14ac:dyDescent="0.25">
      <c r="A116" s="2" t="s">
        <v>218</v>
      </c>
      <c r="B116" s="4" t="s">
        <v>219</v>
      </c>
      <c r="C116" s="12">
        <v>0</v>
      </c>
      <c r="D116" s="12">
        <v>0</v>
      </c>
      <c r="E116" s="12">
        <v>0</v>
      </c>
      <c r="F116" s="12">
        <v>0</v>
      </c>
      <c r="G116" s="12">
        <v>0</v>
      </c>
      <c r="H116" s="12">
        <v>0</v>
      </c>
      <c r="I116" s="12">
        <v>761496688.71000004</v>
      </c>
      <c r="J116" s="12">
        <v>0</v>
      </c>
      <c r="K116" s="12">
        <v>1057996197.3200001</v>
      </c>
    </row>
    <row r="117" spans="1:11" x14ac:dyDescent="0.25">
      <c r="A117" s="3" t="s">
        <v>220</v>
      </c>
      <c r="B117" s="5" t="s">
        <v>221</v>
      </c>
      <c r="C117" s="11">
        <v>16823704500</v>
      </c>
      <c r="D117" s="11">
        <v>17378575004.610001</v>
      </c>
      <c r="E117" s="11">
        <v>2737205921.4099998</v>
      </c>
      <c r="F117" s="11">
        <v>6919831726.9200001</v>
      </c>
      <c r="G117" s="11">
        <v>10458743277.690001</v>
      </c>
      <c r="H117" s="11">
        <v>2627051213.7600002</v>
      </c>
      <c r="I117" s="11">
        <v>6002032003.9499998</v>
      </c>
      <c r="J117" s="11">
        <v>12138039689.370001</v>
      </c>
      <c r="K117" s="11">
        <v>6002032003.9499998</v>
      </c>
    </row>
    <row r="118" spans="1:11" x14ac:dyDescent="0.25">
      <c r="A118" s="2" t="s">
        <v>222</v>
      </c>
      <c r="B118" s="4" t="s">
        <v>223</v>
      </c>
      <c r="C118" s="12">
        <v>0</v>
      </c>
      <c r="D118" s="12">
        <v>0</v>
      </c>
      <c r="E118" s="12">
        <v>0</v>
      </c>
      <c r="F118" s="12">
        <v>0</v>
      </c>
      <c r="G118" s="12">
        <v>0</v>
      </c>
      <c r="H118" s="12">
        <v>0</v>
      </c>
      <c r="I118" s="12">
        <v>0</v>
      </c>
      <c r="J118" s="12">
        <v>0</v>
      </c>
      <c r="K118" s="12">
        <v>0</v>
      </c>
    </row>
    <row r="120" spans="1:11" x14ac:dyDescent="0.25">
      <c r="A120" s="10" t="s">
        <v>6</v>
      </c>
      <c r="B120" s="10" t="s">
        <v>224</v>
      </c>
      <c r="C120" s="10" t="s">
        <v>9</v>
      </c>
      <c r="D120" s="10" t="s">
        <v>10</v>
      </c>
      <c r="E120" s="10" t="s">
        <v>11</v>
      </c>
      <c r="F120" s="10" t="s">
        <v>7</v>
      </c>
      <c r="G120" s="10" t="s">
        <v>7</v>
      </c>
      <c r="H120" s="10" t="s">
        <v>7</v>
      </c>
      <c r="I120" s="10" t="s">
        <v>16</v>
      </c>
    </row>
    <row r="121" spans="1:11" ht="21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0" t="s">
        <v>7</v>
      </c>
    </row>
    <row r="122" spans="1:11" x14ac:dyDescent="0.25">
      <c r="A122" s="3" t="s">
        <v>225</v>
      </c>
      <c r="B122" s="5" t="s">
        <v>226</v>
      </c>
      <c r="C122" s="11">
        <v>1382157700</v>
      </c>
      <c r="D122" s="11">
        <v>1390157700</v>
      </c>
      <c r="E122" s="11">
        <v>289339790.04000002</v>
      </c>
      <c r="F122" s="11">
        <v>20.81</v>
      </c>
      <c r="G122" s="11">
        <v>609215365.83000004</v>
      </c>
      <c r="H122" s="11">
        <v>43.82</v>
      </c>
      <c r="I122" s="11">
        <v>780942334.16999996</v>
      </c>
    </row>
    <row r="123" spans="1:11" x14ac:dyDescent="0.25">
      <c r="A123" s="3" t="s">
        <v>227</v>
      </c>
      <c r="B123" s="5" t="s">
        <v>228</v>
      </c>
      <c r="C123" s="11">
        <v>1382157700</v>
      </c>
      <c r="D123" s="11">
        <v>1390157700</v>
      </c>
      <c r="E123" s="11">
        <v>289339790.04000002</v>
      </c>
      <c r="F123" s="11">
        <v>20.81</v>
      </c>
      <c r="G123" s="11">
        <v>609215365.83000004</v>
      </c>
      <c r="H123" s="11">
        <v>43.82</v>
      </c>
      <c r="I123" s="11">
        <v>780942334.16999996</v>
      </c>
    </row>
    <row r="124" spans="1:11" x14ac:dyDescent="0.25">
      <c r="A124" s="3" t="s">
        <v>229</v>
      </c>
      <c r="B124" s="5" t="s">
        <v>230</v>
      </c>
      <c r="C124" s="11">
        <v>0</v>
      </c>
      <c r="D124" s="11">
        <v>0</v>
      </c>
      <c r="E124" s="11">
        <v>0</v>
      </c>
      <c r="F124" s="11">
        <v>0</v>
      </c>
      <c r="G124" s="11">
        <v>0</v>
      </c>
      <c r="H124" s="11">
        <v>0</v>
      </c>
      <c r="I124" s="11">
        <v>0</v>
      </c>
    </row>
    <row r="125" spans="1:11" x14ac:dyDescent="0.25">
      <c r="A125" s="2" t="s">
        <v>231</v>
      </c>
      <c r="B125" s="4" t="s">
        <v>232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  <c r="I125" s="12">
        <v>0</v>
      </c>
    </row>
    <row r="126" spans="1:11" x14ac:dyDescent="0.25">
      <c r="A126" s="2" t="s">
        <v>233</v>
      </c>
      <c r="B126" s="4" t="s">
        <v>234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  <c r="I126" s="12">
        <v>0</v>
      </c>
    </row>
    <row r="127" spans="1:11" x14ac:dyDescent="0.25">
      <c r="A127" s="2" t="s">
        <v>235</v>
      </c>
      <c r="B127" s="4" t="s">
        <v>236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</row>
    <row r="128" spans="1:11" x14ac:dyDescent="0.25">
      <c r="A128" s="3" t="s">
        <v>237</v>
      </c>
      <c r="B128" s="5" t="s">
        <v>238</v>
      </c>
      <c r="C128" s="11">
        <v>908278000</v>
      </c>
      <c r="D128" s="11">
        <v>908278000</v>
      </c>
      <c r="E128" s="11">
        <v>287722429.73000002</v>
      </c>
      <c r="F128" s="11">
        <v>31.68</v>
      </c>
      <c r="G128" s="11">
        <v>605984087.36000001</v>
      </c>
      <c r="H128" s="11">
        <v>66.72</v>
      </c>
      <c r="I128" s="11">
        <v>302293912.63999999</v>
      </c>
    </row>
    <row r="129" spans="1:9" x14ac:dyDescent="0.25">
      <c r="A129" s="2" t="s">
        <v>239</v>
      </c>
      <c r="B129" s="4" t="s">
        <v>240</v>
      </c>
      <c r="C129" s="12">
        <v>908278000</v>
      </c>
      <c r="D129" s="12">
        <v>908278000</v>
      </c>
      <c r="E129" s="12">
        <v>287722429.73000002</v>
      </c>
      <c r="F129" s="12">
        <v>31.68</v>
      </c>
      <c r="G129" s="12">
        <v>605984087.36000001</v>
      </c>
      <c r="H129" s="12">
        <v>66.72</v>
      </c>
      <c r="I129" s="12">
        <v>302293912.63999999</v>
      </c>
    </row>
    <row r="130" spans="1:9" x14ac:dyDescent="0.25">
      <c r="A130" s="2" t="s">
        <v>241</v>
      </c>
      <c r="B130" s="4" t="s">
        <v>242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  <c r="I130" s="12">
        <v>0</v>
      </c>
    </row>
    <row r="131" spans="1:9" x14ac:dyDescent="0.25">
      <c r="A131" s="2" t="s">
        <v>243</v>
      </c>
      <c r="B131" s="4" t="s">
        <v>244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  <c r="I131" s="12">
        <v>0</v>
      </c>
    </row>
    <row r="132" spans="1:9" x14ac:dyDescent="0.25">
      <c r="A132" s="2" t="s">
        <v>245</v>
      </c>
      <c r="B132" s="4" t="s">
        <v>246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</row>
    <row r="133" spans="1:9" x14ac:dyDescent="0.25">
      <c r="A133" s="3" t="s">
        <v>247</v>
      </c>
      <c r="B133" s="5" t="s">
        <v>248</v>
      </c>
      <c r="C133" s="11">
        <v>30000000</v>
      </c>
      <c r="D133" s="11">
        <v>30000000</v>
      </c>
      <c r="E133" s="11">
        <v>-1613918.16</v>
      </c>
      <c r="F133" s="11">
        <v>-5.38</v>
      </c>
      <c r="G133" s="11">
        <v>0</v>
      </c>
      <c r="H133" s="11">
        <v>0</v>
      </c>
      <c r="I133" s="11">
        <v>30000000</v>
      </c>
    </row>
    <row r="134" spans="1:9" x14ac:dyDescent="0.25">
      <c r="A134" s="2" t="s">
        <v>249</v>
      </c>
      <c r="B134" s="4" t="s">
        <v>250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</row>
    <row r="135" spans="1:9" x14ac:dyDescent="0.25">
      <c r="A135" s="2" t="s">
        <v>251</v>
      </c>
      <c r="B135" s="4" t="s">
        <v>252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</row>
    <row r="136" spans="1:9" x14ac:dyDescent="0.25">
      <c r="A136" s="2" t="s">
        <v>253</v>
      </c>
      <c r="B136" s="4" t="s">
        <v>254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55</v>
      </c>
      <c r="B137" s="4" t="s">
        <v>256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</row>
    <row r="138" spans="1:9" x14ac:dyDescent="0.25">
      <c r="A138" s="2" t="s">
        <v>257</v>
      </c>
      <c r="B138" s="4" t="s">
        <v>258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</row>
    <row r="139" spans="1:9" x14ac:dyDescent="0.25">
      <c r="A139" s="2" t="s">
        <v>259</v>
      </c>
      <c r="B139" s="4" t="s">
        <v>260</v>
      </c>
      <c r="C139" s="12">
        <v>30000000</v>
      </c>
      <c r="D139" s="12">
        <v>30000000</v>
      </c>
      <c r="E139" s="12">
        <v>-1613918.16</v>
      </c>
      <c r="F139" s="12">
        <v>-5.38</v>
      </c>
      <c r="G139" s="12">
        <v>0</v>
      </c>
      <c r="H139" s="12">
        <v>0</v>
      </c>
      <c r="I139" s="12">
        <v>30000000</v>
      </c>
    </row>
    <row r="140" spans="1:9" x14ac:dyDescent="0.25">
      <c r="A140" s="2" t="s">
        <v>261</v>
      </c>
      <c r="B140" s="4" t="s">
        <v>262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</row>
    <row r="141" spans="1:9" x14ac:dyDescent="0.25">
      <c r="A141" s="2" t="s">
        <v>263</v>
      </c>
      <c r="B141" s="4" t="s">
        <v>264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</row>
    <row r="142" spans="1:9" x14ac:dyDescent="0.25">
      <c r="A142" s="2" t="s">
        <v>265</v>
      </c>
      <c r="B142" s="4" t="s">
        <v>266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  <c r="I142" s="12">
        <v>0</v>
      </c>
    </row>
    <row r="143" spans="1:9" x14ac:dyDescent="0.25">
      <c r="A143" s="3" t="s">
        <v>267</v>
      </c>
      <c r="B143" s="5" t="s">
        <v>268</v>
      </c>
      <c r="C143" s="11">
        <v>0</v>
      </c>
      <c r="D143" s="11">
        <v>8000000</v>
      </c>
      <c r="E143" s="11">
        <v>0</v>
      </c>
      <c r="F143" s="11">
        <v>0</v>
      </c>
      <c r="G143" s="11">
        <v>0</v>
      </c>
      <c r="H143" s="11">
        <v>0</v>
      </c>
      <c r="I143" s="11">
        <v>8000000</v>
      </c>
    </row>
    <row r="144" spans="1:9" x14ac:dyDescent="0.25">
      <c r="A144" s="2" t="s">
        <v>269</v>
      </c>
      <c r="B144" s="4" t="s">
        <v>270</v>
      </c>
      <c r="C144" s="12">
        <v>0</v>
      </c>
      <c r="D144" s="12">
        <v>8000000</v>
      </c>
      <c r="E144" s="12">
        <v>0</v>
      </c>
      <c r="F144" s="12">
        <v>0</v>
      </c>
      <c r="G144" s="12">
        <v>0</v>
      </c>
      <c r="H144" s="12">
        <v>0</v>
      </c>
      <c r="I144" s="12">
        <v>8000000</v>
      </c>
    </row>
    <row r="145" spans="1:9" x14ac:dyDescent="0.25">
      <c r="A145" s="2" t="s">
        <v>271</v>
      </c>
      <c r="B145" s="4" t="s">
        <v>272</v>
      </c>
      <c r="C145" s="12">
        <v>0</v>
      </c>
      <c r="D145" s="12">
        <v>0</v>
      </c>
      <c r="E145" s="12">
        <v>0</v>
      </c>
      <c r="F145" s="12">
        <v>0</v>
      </c>
      <c r="G145" s="12">
        <v>0</v>
      </c>
      <c r="H145" s="12">
        <v>0</v>
      </c>
      <c r="I145" s="12">
        <v>0</v>
      </c>
    </row>
    <row r="146" spans="1:9" x14ac:dyDescent="0.25">
      <c r="A146" s="2" t="s">
        <v>273</v>
      </c>
      <c r="B146" s="4" t="s">
        <v>274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</row>
    <row r="147" spans="1:9" x14ac:dyDescent="0.25">
      <c r="A147" s="2" t="s">
        <v>275</v>
      </c>
      <c r="B147" s="4" t="s">
        <v>276</v>
      </c>
      <c r="C147" s="12">
        <v>0</v>
      </c>
      <c r="D147" s="12">
        <v>0</v>
      </c>
      <c r="E147" s="12">
        <v>0</v>
      </c>
      <c r="F147" s="12">
        <v>0</v>
      </c>
      <c r="G147" s="12">
        <v>0</v>
      </c>
      <c r="H147" s="12">
        <v>0</v>
      </c>
      <c r="I147" s="12">
        <v>0</v>
      </c>
    </row>
    <row r="148" spans="1:9" x14ac:dyDescent="0.25">
      <c r="A148" s="2" t="s">
        <v>277</v>
      </c>
      <c r="B148" s="4" t="s">
        <v>278</v>
      </c>
      <c r="C148" s="12">
        <v>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</row>
    <row r="149" spans="1:9" x14ac:dyDescent="0.25">
      <c r="A149" s="3" t="s">
        <v>279</v>
      </c>
      <c r="B149" s="5" t="s">
        <v>280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</row>
    <row r="150" spans="1:9" x14ac:dyDescent="0.25">
      <c r="A150" s="2" t="s">
        <v>281</v>
      </c>
      <c r="B150" s="4" t="s">
        <v>282</v>
      </c>
      <c r="C150" s="12">
        <v>0</v>
      </c>
      <c r="D150" s="12">
        <v>0</v>
      </c>
      <c r="E150" s="12">
        <v>0</v>
      </c>
      <c r="F150" s="12">
        <v>0</v>
      </c>
      <c r="G150" s="12">
        <v>0</v>
      </c>
      <c r="H150" s="12">
        <v>0</v>
      </c>
      <c r="I150" s="12">
        <v>0</v>
      </c>
    </row>
    <row r="151" spans="1:9" x14ac:dyDescent="0.25">
      <c r="A151" s="2" t="s">
        <v>283</v>
      </c>
      <c r="B151" s="4" t="s">
        <v>284</v>
      </c>
      <c r="C151" s="12">
        <v>0</v>
      </c>
      <c r="D151" s="12">
        <v>0</v>
      </c>
      <c r="E151" s="12">
        <v>0</v>
      </c>
      <c r="F151" s="12">
        <v>0</v>
      </c>
      <c r="G151" s="12">
        <v>0</v>
      </c>
      <c r="H151" s="12">
        <v>0</v>
      </c>
      <c r="I151" s="12">
        <v>0</v>
      </c>
    </row>
    <row r="152" spans="1:9" x14ac:dyDescent="0.25">
      <c r="A152" s="2" t="s">
        <v>285</v>
      </c>
      <c r="B152" s="4" t="s">
        <v>286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  <c r="I152" s="12">
        <v>0</v>
      </c>
    </row>
    <row r="153" spans="1:9" x14ac:dyDescent="0.25">
      <c r="A153" s="2" t="s">
        <v>287</v>
      </c>
      <c r="B153" s="4" t="s">
        <v>288</v>
      </c>
      <c r="C153" s="12">
        <v>0</v>
      </c>
      <c r="D153" s="12">
        <v>0</v>
      </c>
      <c r="E153" s="12">
        <v>0</v>
      </c>
      <c r="F153" s="12">
        <v>0</v>
      </c>
      <c r="G153" s="12">
        <v>0</v>
      </c>
      <c r="H153" s="12">
        <v>0</v>
      </c>
      <c r="I153" s="12">
        <v>0</v>
      </c>
    </row>
    <row r="154" spans="1:9" x14ac:dyDescent="0.25">
      <c r="A154" s="2" t="s">
        <v>289</v>
      </c>
      <c r="B154" s="4" t="s">
        <v>290</v>
      </c>
      <c r="C154" s="12">
        <v>0</v>
      </c>
      <c r="D154" s="12">
        <v>0</v>
      </c>
      <c r="E154" s="12">
        <v>0</v>
      </c>
      <c r="F154" s="12">
        <v>0</v>
      </c>
      <c r="G154" s="12">
        <v>0</v>
      </c>
      <c r="H154" s="12">
        <v>0</v>
      </c>
      <c r="I154" s="12">
        <v>0</v>
      </c>
    </row>
    <row r="155" spans="1:9" x14ac:dyDescent="0.25">
      <c r="A155" s="2" t="s">
        <v>291</v>
      </c>
      <c r="B155" s="4" t="s">
        <v>292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  <c r="I155" s="12">
        <v>0</v>
      </c>
    </row>
    <row r="156" spans="1:9" x14ac:dyDescent="0.25">
      <c r="A156" s="2" t="s">
        <v>293</v>
      </c>
      <c r="B156" s="4" t="s">
        <v>294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  <c r="H156" s="12">
        <v>0</v>
      </c>
      <c r="I156" s="12">
        <v>0</v>
      </c>
    </row>
    <row r="157" spans="1:9" x14ac:dyDescent="0.25">
      <c r="A157" s="2" t="s">
        <v>295</v>
      </c>
      <c r="B157" s="4" t="s">
        <v>296</v>
      </c>
      <c r="C157" s="12">
        <v>0</v>
      </c>
      <c r="D157" s="12">
        <v>0</v>
      </c>
      <c r="E157" s="12">
        <v>0</v>
      </c>
      <c r="F157" s="12">
        <v>0</v>
      </c>
      <c r="G157" s="12">
        <v>0</v>
      </c>
      <c r="H157" s="12">
        <v>0</v>
      </c>
      <c r="I157" s="12">
        <v>0</v>
      </c>
    </row>
    <row r="158" spans="1:9" x14ac:dyDescent="0.25">
      <c r="A158" s="3" t="s">
        <v>297</v>
      </c>
      <c r="B158" s="5" t="s">
        <v>298</v>
      </c>
      <c r="C158" s="11">
        <v>443879700</v>
      </c>
      <c r="D158" s="11">
        <v>443879700</v>
      </c>
      <c r="E158" s="11">
        <v>3231278.47</v>
      </c>
      <c r="F158" s="11">
        <v>0.73</v>
      </c>
      <c r="G158" s="11">
        <v>3231278.47</v>
      </c>
      <c r="H158" s="11">
        <v>0.73</v>
      </c>
      <c r="I158" s="11">
        <v>440648421.52999997</v>
      </c>
    </row>
    <row r="159" spans="1:9" x14ac:dyDescent="0.25">
      <c r="A159" s="2" t="s">
        <v>299</v>
      </c>
      <c r="B159" s="4" t="s">
        <v>300</v>
      </c>
      <c r="C159" s="12">
        <v>0</v>
      </c>
      <c r="D159" s="12">
        <v>0</v>
      </c>
      <c r="E159" s="12">
        <v>0</v>
      </c>
      <c r="F159" s="12">
        <v>0</v>
      </c>
      <c r="G159" s="12">
        <v>0</v>
      </c>
      <c r="H159" s="12">
        <v>0</v>
      </c>
      <c r="I159" s="12">
        <v>0</v>
      </c>
    </row>
    <row r="160" spans="1:9" x14ac:dyDescent="0.25">
      <c r="A160" s="2" t="s">
        <v>301</v>
      </c>
      <c r="B160" s="4" t="s">
        <v>302</v>
      </c>
      <c r="C160" s="12">
        <v>0</v>
      </c>
      <c r="D160" s="12">
        <v>0</v>
      </c>
      <c r="E160" s="12">
        <v>3231278.47</v>
      </c>
      <c r="F160" s="12">
        <v>0</v>
      </c>
      <c r="G160" s="12">
        <v>3231278.47</v>
      </c>
      <c r="H160" s="12">
        <v>0</v>
      </c>
      <c r="I160" s="12">
        <v>-3231278.47</v>
      </c>
    </row>
    <row r="161" spans="1:9" x14ac:dyDescent="0.25">
      <c r="A161" s="2" t="s">
        <v>303</v>
      </c>
      <c r="B161" s="4" t="s">
        <v>304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  <c r="I161" s="12">
        <v>0</v>
      </c>
    </row>
    <row r="162" spans="1:9" x14ac:dyDescent="0.25">
      <c r="A162" s="2" t="s">
        <v>305</v>
      </c>
      <c r="B162" s="4" t="s">
        <v>306</v>
      </c>
      <c r="C162" s="12">
        <v>443879700</v>
      </c>
      <c r="D162" s="12">
        <v>443879700</v>
      </c>
      <c r="E162" s="12">
        <v>0</v>
      </c>
      <c r="F162" s="12">
        <v>0</v>
      </c>
      <c r="G162" s="12">
        <v>0</v>
      </c>
      <c r="H162" s="12">
        <v>0</v>
      </c>
      <c r="I162" s="12">
        <v>443879700</v>
      </c>
    </row>
    <row r="163" spans="1:9" x14ac:dyDescent="0.25">
      <c r="A163" s="3" t="s">
        <v>307</v>
      </c>
      <c r="B163" s="5" t="s">
        <v>308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</row>
    <row r="164" spans="1:9" x14ac:dyDescent="0.25">
      <c r="A164" s="3" t="s">
        <v>309</v>
      </c>
      <c r="B164" s="5" t="s">
        <v>310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</row>
    <row r="165" spans="1:9" x14ac:dyDescent="0.25">
      <c r="A165" s="2" t="s">
        <v>311</v>
      </c>
      <c r="B165" s="4" t="s">
        <v>312</v>
      </c>
      <c r="C165" s="12">
        <v>0</v>
      </c>
      <c r="D165" s="12">
        <v>0</v>
      </c>
      <c r="E165" s="12">
        <v>0</v>
      </c>
      <c r="F165" s="12">
        <v>0</v>
      </c>
      <c r="G165" s="12">
        <v>0</v>
      </c>
      <c r="H165" s="12">
        <v>0</v>
      </c>
      <c r="I165" s="12">
        <v>0</v>
      </c>
    </row>
    <row r="166" spans="1:9" x14ac:dyDescent="0.25">
      <c r="A166" s="2" t="s">
        <v>313</v>
      </c>
      <c r="B166" s="4" t="s">
        <v>314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</row>
    <row r="167" spans="1:9" x14ac:dyDescent="0.25">
      <c r="A167" s="3" t="s">
        <v>315</v>
      </c>
      <c r="B167" s="5" t="s">
        <v>316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</row>
    <row r="168" spans="1:9" x14ac:dyDescent="0.25">
      <c r="A168" s="2" t="s">
        <v>317</v>
      </c>
      <c r="B168" s="4" t="s">
        <v>318</v>
      </c>
      <c r="C168" s="12">
        <v>0</v>
      </c>
      <c r="D168" s="12">
        <v>0</v>
      </c>
      <c r="E168" s="12">
        <v>0</v>
      </c>
      <c r="F168" s="12">
        <v>0</v>
      </c>
      <c r="G168" s="12">
        <v>0</v>
      </c>
      <c r="H168" s="12">
        <v>0</v>
      </c>
      <c r="I168" s="12">
        <v>0</v>
      </c>
    </row>
    <row r="169" spans="1:9" x14ac:dyDescent="0.25">
      <c r="A169" s="2" t="s">
        <v>319</v>
      </c>
      <c r="B169" s="4" t="s">
        <v>320</v>
      </c>
      <c r="C169" s="12">
        <v>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</row>
    <row r="170" spans="1:9" x14ac:dyDescent="0.25">
      <c r="A170" s="2" t="s">
        <v>321</v>
      </c>
      <c r="B170" s="4" t="s">
        <v>322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</row>
    <row r="171" spans="1:9" x14ac:dyDescent="0.25">
      <c r="A171" s="2" t="s">
        <v>323</v>
      </c>
      <c r="B171" s="4" t="s">
        <v>324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</row>
    <row r="172" spans="1:9" x14ac:dyDescent="0.25">
      <c r="A172" s="3" t="s">
        <v>325</v>
      </c>
      <c r="B172" s="5" t="s">
        <v>326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</row>
    <row r="173" spans="1:9" x14ac:dyDescent="0.25">
      <c r="A173" s="2" t="s">
        <v>327</v>
      </c>
      <c r="B173" s="4" t="s">
        <v>282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</row>
    <row r="174" spans="1:9" x14ac:dyDescent="0.25">
      <c r="A174" s="2" t="s">
        <v>328</v>
      </c>
      <c r="B174" s="4" t="s">
        <v>284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</row>
    <row r="175" spans="1:9" x14ac:dyDescent="0.25">
      <c r="A175" s="2" t="s">
        <v>329</v>
      </c>
      <c r="B175" s="4" t="s">
        <v>286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</row>
    <row r="176" spans="1:9" x14ac:dyDescent="0.25">
      <c r="A176" s="2" t="s">
        <v>330</v>
      </c>
      <c r="B176" s="4" t="s">
        <v>288</v>
      </c>
      <c r="C176" s="12">
        <v>0</v>
      </c>
      <c r="D176" s="12">
        <v>0</v>
      </c>
      <c r="E176" s="12">
        <v>0</v>
      </c>
      <c r="F176" s="12">
        <v>0</v>
      </c>
      <c r="G176" s="12">
        <v>0</v>
      </c>
      <c r="H176" s="12">
        <v>0</v>
      </c>
      <c r="I176" s="12">
        <v>0</v>
      </c>
    </row>
    <row r="177" spans="1:11" x14ac:dyDescent="0.25">
      <c r="A177" s="2" t="s">
        <v>331</v>
      </c>
      <c r="B177" s="4" t="s">
        <v>290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</row>
    <row r="178" spans="1:11" x14ac:dyDescent="0.25">
      <c r="A178" s="2" t="s">
        <v>332</v>
      </c>
      <c r="B178" s="4" t="s">
        <v>292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</row>
    <row r="179" spans="1:11" x14ac:dyDescent="0.25">
      <c r="A179" s="2" t="s">
        <v>333</v>
      </c>
      <c r="B179" s="4" t="s">
        <v>294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  <c r="I179" s="12">
        <v>0</v>
      </c>
    </row>
    <row r="180" spans="1:11" x14ac:dyDescent="0.25">
      <c r="A180" s="2" t="s">
        <v>334</v>
      </c>
      <c r="B180" s="4" t="s">
        <v>296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</row>
    <row r="181" spans="1:11" x14ac:dyDescent="0.25">
      <c r="A181" s="3" t="s">
        <v>335</v>
      </c>
      <c r="B181" s="5" t="s">
        <v>336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</row>
    <row r="182" spans="1:11" x14ac:dyDescent="0.25">
      <c r="A182" s="2" t="s">
        <v>337</v>
      </c>
      <c r="B182" s="4" t="s">
        <v>338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</row>
    <row r="183" spans="1:11" x14ac:dyDescent="0.25">
      <c r="A183" s="2" t="s">
        <v>339</v>
      </c>
      <c r="B183" s="4" t="s">
        <v>340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</row>
    <row r="184" spans="1:11" x14ac:dyDescent="0.25">
      <c r="A184" s="2" t="s">
        <v>341</v>
      </c>
      <c r="B184" s="4" t="s">
        <v>342</v>
      </c>
      <c r="C184" s="12">
        <v>0</v>
      </c>
      <c r="D184" s="12">
        <v>0</v>
      </c>
      <c r="E184" s="12">
        <v>0</v>
      </c>
      <c r="F184" s="12">
        <v>0</v>
      </c>
      <c r="G184" s="12">
        <v>0</v>
      </c>
      <c r="H184" s="12">
        <v>0</v>
      </c>
      <c r="I184" s="12">
        <v>0</v>
      </c>
    </row>
    <row r="185" spans="1:11" x14ac:dyDescent="0.25">
      <c r="A185" s="2" t="s">
        <v>343</v>
      </c>
      <c r="B185" s="4" t="s">
        <v>344</v>
      </c>
      <c r="C185" s="12">
        <v>0</v>
      </c>
      <c r="D185" s="12">
        <v>0</v>
      </c>
      <c r="E185" s="12">
        <v>0</v>
      </c>
      <c r="F185" s="12">
        <v>0</v>
      </c>
      <c r="G185" s="12">
        <v>0</v>
      </c>
      <c r="H185" s="12">
        <v>0</v>
      </c>
      <c r="I185" s="12">
        <v>0</v>
      </c>
    </row>
    <row r="187" spans="1:11" x14ac:dyDescent="0.25">
      <c r="A187" s="10" t="s">
        <v>6</v>
      </c>
      <c r="B187" s="10" t="s">
        <v>345</v>
      </c>
      <c r="C187" s="10" t="s">
        <v>166</v>
      </c>
      <c r="D187" s="10" t="s">
        <v>167</v>
      </c>
      <c r="E187" s="10" t="s">
        <v>168</v>
      </c>
      <c r="F187" s="10" t="s">
        <v>7</v>
      </c>
      <c r="G187" s="10" t="s">
        <v>171</v>
      </c>
      <c r="H187" s="10" t="s">
        <v>172</v>
      </c>
      <c r="I187" s="10" t="s">
        <v>7</v>
      </c>
      <c r="J187" s="10" t="s">
        <v>174</v>
      </c>
      <c r="K187" s="10" t="s">
        <v>175</v>
      </c>
    </row>
    <row r="188" spans="1:11" ht="21" x14ac:dyDescent="0.25">
      <c r="A188" s="10" t="s">
        <v>7</v>
      </c>
      <c r="B188" s="10" t="s">
        <v>7</v>
      </c>
      <c r="C188" s="10" t="s">
        <v>7</v>
      </c>
      <c r="D188" s="10" t="s">
        <v>7</v>
      </c>
      <c r="E188" s="1" t="s">
        <v>169</v>
      </c>
      <c r="F188" s="1" t="s">
        <v>170</v>
      </c>
      <c r="G188" s="10" t="s">
        <v>7</v>
      </c>
      <c r="H188" s="1" t="s">
        <v>169</v>
      </c>
      <c r="I188" s="1" t="s">
        <v>173</v>
      </c>
      <c r="J188" s="10" t="s">
        <v>7</v>
      </c>
      <c r="K188" s="10" t="s">
        <v>7</v>
      </c>
    </row>
    <row r="189" spans="1:11" x14ac:dyDescent="0.25">
      <c r="A189" s="3" t="s">
        <v>346</v>
      </c>
      <c r="B189" s="5" t="s">
        <v>347</v>
      </c>
      <c r="C189" s="11">
        <v>1773627600</v>
      </c>
      <c r="D189" s="11">
        <v>1943791784.79</v>
      </c>
      <c r="E189" s="11">
        <v>303958242.52999997</v>
      </c>
      <c r="F189" s="11">
        <v>773727150.69000006</v>
      </c>
      <c r="G189" s="11">
        <v>1170064634.0999999</v>
      </c>
      <c r="H189" s="11">
        <v>329915976.04000002</v>
      </c>
      <c r="I189" s="11">
        <v>661254091.65999997</v>
      </c>
      <c r="J189" s="11">
        <v>1282537693.1300001</v>
      </c>
      <c r="K189" s="11">
        <v>529213189.87</v>
      </c>
    </row>
    <row r="190" spans="1:11" x14ac:dyDescent="0.25">
      <c r="A190" s="3" t="s">
        <v>348</v>
      </c>
      <c r="B190" s="5" t="s">
        <v>349</v>
      </c>
      <c r="C190" s="11">
        <v>1773627600</v>
      </c>
      <c r="D190" s="11">
        <v>1943791784.79</v>
      </c>
      <c r="E190" s="11">
        <v>303958242.52999997</v>
      </c>
      <c r="F190" s="11">
        <v>773727150.69000006</v>
      </c>
      <c r="G190" s="11">
        <v>1170064634.0999999</v>
      </c>
      <c r="H190" s="11">
        <v>329915976.04000002</v>
      </c>
      <c r="I190" s="11">
        <v>661254091.65999997</v>
      </c>
      <c r="J190" s="11">
        <v>1282537693.1300001</v>
      </c>
      <c r="K190" s="11">
        <v>529213189.87</v>
      </c>
    </row>
    <row r="191" spans="1:11" x14ac:dyDescent="0.25">
      <c r="A191" s="2" t="s">
        <v>350</v>
      </c>
      <c r="B191" s="4" t="s">
        <v>351</v>
      </c>
      <c r="C191" s="12">
        <v>1665558200</v>
      </c>
      <c r="D191" s="12">
        <v>1858733446.79</v>
      </c>
      <c r="E191" s="12">
        <v>298900229.24000001</v>
      </c>
      <c r="F191" s="12">
        <v>710720092.83000004</v>
      </c>
      <c r="G191" s="12">
        <v>1148013353.96</v>
      </c>
      <c r="H191" s="12">
        <v>316603004.64999998</v>
      </c>
      <c r="I191" s="12">
        <v>634919384.63</v>
      </c>
      <c r="J191" s="12">
        <v>1223814062.1600001</v>
      </c>
      <c r="K191" s="12">
        <v>511245432.23000002</v>
      </c>
    </row>
    <row r="192" spans="1:11" x14ac:dyDescent="0.25">
      <c r="A192" s="2" t="s">
        <v>352</v>
      </c>
      <c r="B192" s="4" t="s">
        <v>353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  <c r="I192" s="12">
        <v>0</v>
      </c>
      <c r="J192" s="12">
        <v>0</v>
      </c>
      <c r="K192" s="12">
        <v>0</v>
      </c>
    </row>
    <row r="193" spans="1:11" x14ac:dyDescent="0.25">
      <c r="A193" s="2" t="s">
        <v>354</v>
      </c>
      <c r="B193" s="4" t="s">
        <v>355</v>
      </c>
      <c r="C193" s="12">
        <v>108069400</v>
      </c>
      <c r="D193" s="12">
        <v>85058338</v>
      </c>
      <c r="E193" s="12">
        <v>5058013.29</v>
      </c>
      <c r="F193" s="12">
        <v>63007057.859999999</v>
      </c>
      <c r="G193" s="12">
        <v>22051280.140000001</v>
      </c>
      <c r="H193" s="12">
        <v>13312971.390000001</v>
      </c>
      <c r="I193" s="12">
        <v>26334707.030000001</v>
      </c>
      <c r="J193" s="12">
        <v>58723630.969999999</v>
      </c>
      <c r="K193" s="12">
        <v>17967757.640000001</v>
      </c>
    </row>
    <row r="194" spans="1:11" x14ac:dyDescent="0.25">
      <c r="A194" s="3" t="s">
        <v>356</v>
      </c>
      <c r="B194" s="5" t="s">
        <v>357</v>
      </c>
      <c r="C194" s="11">
        <v>0</v>
      </c>
      <c r="D194" s="11">
        <v>0</v>
      </c>
      <c r="E194" s="11">
        <v>0</v>
      </c>
      <c r="F194" s="11">
        <v>0</v>
      </c>
      <c r="G194" s="11">
        <v>0</v>
      </c>
      <c r="H194" s="11">
        <v>0</v>
      </c>
      <c r="I194" s="11">
        <v>0</v>
      </c>
      <c r="J194" s="11">
        <v>0</v>
      </c>
      <c r="K194" s="11">
        <v>0</v>
      </c>
    </row>
    <row r="195" spans="1:11" x14ac:dyDescent="0.25">
      <c r="A195" s="2" t="s">
        <v>358</v>
      </c>
      <c r="B195" s="4" t="s">
        <v>359</v>
      </c>
      <c r="C195" s="12">
        <v>0</v>
      </c>
      <c r="D195" s="12">
        <v>0</v>
      </c>
      <c r="E195" s="12">
        <v>0</v>
      </c>
      <c r="F195" s="12">
        <v>0</v>
      </c>
      <c r="G195" s="12">
        <v>0</v>
      </c>
      <c r="H195" s="12">
        <v>0</v>
      </c>
      <c r="I195" s="12">
        <v>0</v>
      </c>
      <c r="J195" s="12">
        <v>0</v>
      </c>
      <c r="K195" s="12">
        <v>0</v>
      </c>
    </row>
    <row r="196" spans="1:11" x14ac:dyDescent="0.25">
      <c r="A196" s="2" t="s">
        <v>360</v>
      </c>
      <c r="B196" s="4" t="s">
        <v>361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</row>
    <row r="197" spans="1:11" x14ac:dyDescent="0.25">
      <c r="A197" s="2" t="s">
        <v>362</v>
      </c>
      <c r="B197" s="4" t="s">
        <v>363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  <c r="I197" s="12">
        <v>0</v>
      </c>
      <c r="J197" s="12">
        <v>0</v>
      </c>
      <c r="K197" s="12">
        <v>0</v>
      </c>
    </row>
    <row r="198" spans="1:11" x14ac:dyDescent="0.25">
      <c r="A198" s="2" t="s">
        <v>364</v>
      </c>
      <c r="B198" s="4" t="s">
        <v>365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  <c r="I198" s="12">
        <v>0</v>
      </c>
      <c r="J198" s="12">
        <v>0</v>
      </c>
      <c r="K198" s="12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40"/>
  <sheetViews>
    <sheetView showGridLines="0" workbookViewId="0">
      <selection activeCell="F40" sqref="F40"/>
    </sheetView>
  </sheetViews>
  <sheetFormatPr defaultRowHeight="15" x14ac:dyDescent="0.25"/>
  <cols>
    <col min="1" max="1" width="2.7109375" bestFit="1" customWidth="1"/>
    <col min="2" max="2" width="84.140625" bestFit="1" customWidth="1"/>
    <col min="3" max="4" width="15" bestFit="1" customWidth="1"/>
    <col min="5" max="5" width="13.28515625" bestFit="1" customWidth="1"/>
    <col min="6" max="6" width="14.85546875" bestFit="1" customWidth="1"/>
    <col min="7" max="7" width="9.28515625" bestFit="1" customWidth="1"/>
    <col min="8" max="8" width="14.85546875" bestFit="1" customWidth="1"/>
    <col min="9" max="9" width="9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1114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1115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1116</v>
      </c>
      <c r="C10" s="10" t="s">
        <v>963</v>
      </c>
      <c r="D10" s="10" t="s">
        <v>168</v>
      </c>
      <c r="E10" s="10" t="s">
        <v>7</v>
      </c>
      <c r="F10" s="10" t="s">
        <v>172</v>
      </c>
      <c r="G10" s="10" t="s">
        <v>7</v>
      </c>
      <c r="H10" s="10" t="s">
        <v>1011</v>
      </c>
      <c r="I10" s="10" t="s">
        <v>1011</v>
      </c>
    </row>
    <row r="11" spans="1:9" ht="31.5" x14ac:dyDescent="0.25">
      <c r="A11" s="10" t="s">
        <v>7</v>
      </c>
      <c r="B11" s="10" t="s">
        <v>7</v>
      </c>
      <c r="C11" s="10" t="s">
        <v>7</v>
      </c>
      <c r="D11" s="1" t="s">
        <v>371</v>
      </c>
      <c r="E11" s="1" t="s">
        <v>983</v>
      </c>
      <c r="F11" s="1" t="s">
        <v>14</v>
      </c>
      <c r="G11" s="1" t="s">
        <v>1117</v>
      </c>
      <c r="H11" s="1" t="s">
        <v>374</v>
      </c>
      <c r="I11" s="1" t="s">
        <v>1118</v>
      </c>
    </row>
    <row r="12" spans="1:9" x14ac:dyDescent="0.25">
      <c r="A12" s="3" t="s">
        <v>17</v>
      </c>
      <c r="B12" s="5" t="s">
        <v>1119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  <c r="H12" s="11">
        <v>0</v>
      </c>
      <c r="I12" s="11">
        <v>0</v>
      </c>
    </row>
    <row r="13" spans="1:9" x14ac:dyDescent="0.25">
      <c r="A13" s="2" t="s">
        <v>19</v>
      </c>
      <c r="B13" s="4" t="s">
        <v>1120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  <c r="H13" s="12">
        <v>0</v>
      </c>
      <c r="I13" s="12">
        <v>0</v>
      </c>
    </row>
    <row r="14" spans="1:9" x14ac:dyDescent="0.25">
      <c r="A14" s="2" t="s">
        <v>21</v>
      </c>
      <c r="B14" s="4" t="s">
        <v>1121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  <c r="H14" s="12">
        <v>0</v>
      </c>
      <c r="I14" s="12">
        <v>0</v>
      </c>
    </row>
    <row r="15" spans="1:9" x14ac:dyDescent="0.25">
      <c r="A15" s="3" t="s">
        <v>23</v>
      </c>
      <c r="B15" s="5" t="s">
        <v>1122</v>
      </c>
      <c r="C15" s="11">
        <v>0</v>
      </c>
      <c r="D15" s="11">
        <v>0</v>
      </c>
      <c r="E15" s="11">
        <v>0</v>
      </c>
      <c r="F15" s="11">
        <v>0</v>
      </c>
      <c r="G15" s="11">
        <v>0</v>
      </c>
      <c r="H15" s="11">
        <v>0</v>
      </c>
      <c r="I15" s="11">
        <v>0</v>
      </c>
    </row>
    <row r="16" spans="1:9" x14ac:dyDescent="0.25">
      <c r="A16" s="2" t="s">
        <v>25</v>
      </c>
      <c r="B16" s="4" t="s">
        <v>1120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  <c r="H16" s="12">
        <v>0</v>
      </c>
      <c r="I16" s="12">
        <v>0</v>
      </c>
    </row>
    <row r="17" spans="1:9" x14ac:dyDescent="0.25">
      <c r="A17" s="2" t="s">
        <v>27</v>
      </c>
      <c r="B17" s="4" t="s">
        <v>1123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1124</v>
      </c>
      <c r="C18" s="11">
        <v>1097817.54</v>
      </c>
      <c r="D18" s="11">
        <v>1097817.54</v>
      </c>
      <c r="E18" s="11">
        <v>100</v>
      </c>
      <c r="F18" s="11">
        <v>1097817.54</v>
      </c>
      <c r="G18" s="11">
        <v>100</v>
      </c>
      <c r="H18" s="11">
        <v>1097817.54</v>
      </c>
      <c r="I18" s="11">
        <v>100</v>
      </c>
    </row>
    <row r="19" spans="1:9" x14ac:dyDescent="0.25">
      <c r="A19" s="2" t="s">
        <v>31</v>
      </c>
      <c r="B19" s="4" t="s">
        <v>1120</v>
      </c>
      <c r="C19" s="12">
        <v>1097817.54</v>
      </c>
      <c r="D19" s="12">
        <v>1097817.54</v>
      </c>
      <c r="E19" s="12">
        <v>100</v>
      </c>
      <c r="F19" s="12">
        <v>1097817.54</v>
      </c>
      <c r="G19" s="12">
        <v>100</v>
      </c>
      <c r="H19" s="12">
        <v>1097817.54</v>
      </c>
      <c r="I19" s="12">
        <v>100</v>
      </c>
    </row>
    <row r="20" spans="1:9" x14ac:dyDescent="0.25">
      <c r="A20" s="2" t="s">
        <v>33</v>
      </c>
      <c r="B20" s="4" t="s">
        <v>1123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3" t="s">
        <v>35</v>
      </c>
      <c r="B21" s="5" t="s">
        <v>1125</v>
      </c>
      <c r="C21" s="11">
        <v>0</v>
      </c>
      <c r="D21" s="11">
        <v>0</v>
      </c>
      <c r="E21" s="11">
        <v>0</v>
      </c>
      <c r="F21" s="11">
        <v>0</v>
      </c>
      <c r="G21" s="11">
        <v>0</v>
      </c>
      <c r="H21" s="11">
        <v>0</v>
      </c>
      <c r="I21" s="11">
        <v>0</v>
      </c>
    </row>
    <row r="22" spans="1:9" x14ac:dyDescent="0.25">
      <c r="A22" s="2" t="s">
        <v>37</v>
      </c>
      <c r="B22" s="4" t="s">
        <v>1120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2" t="s">
        <v>39</v>
      </c>
      <c r="B23" s="4" t="s">
        <v>1121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</row>
    <row r="24" spans="1:9" x14ac:dyDescent="0.25">
      <c r="A24" s="3" t="s">
        <v>41</v>
      </c>
      <c r="B24" s="5" t="s">
        <v>1126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  <c r="H24" s="11">
        <v>0</v>
      </c>
      <c r="I24" s="11">
        <v>0</v>
      </c>
    </row>
    <row r="25" spans="1:9" x14ac:dyDescent="0.25">
      <c r="A25" s="2" t="s">
        <v>43</v>
      </c>
      <c r="B25" s="4" t="s">
        <v>1120</v>
      </c>
      <c r="C25" s="12">
        <v>0</v>
      </c>
      <c r="D25" s="12">
        <v>0</v>
      </c>
      <c r="E25" s="12">
        <v>0</v>
      </c>
      <c r="F25" s="12">
        <v>0</v>
      </c>
      <c r="G25" s="12">
        <v>0</v>
      </c>
      <c r="H25" s="12">
        <v>0</v>
      </c>
      <c r="I25" s="12">
        <v>0</v>
      </c>
    </row>
    <row r="26" spans="1:9" x14ac:dyDescent="0.25">
      <c r="A26" s="2" t="s">
        <v>45</v>
      </c>
      <c r="B26" s="4" t="s">
        <v>1121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</row>
    <row r="27" spans="1:9" x14ac:dyDescent="0.25">
      <c r="A27" s="3" t="s">
        <v>47</v>
      </c>
      <c r="B27" s="5" t="s">
        <v>1127</v>
      </c>
      <c r="C27" s="11">
        <v>0</v>
      </c>
      <c r="D27" s="11">
        <v>0</v>
      </c>
      <c r="E27" s="11">
        <v>0</v>
      </c>
      <c r="F27" s="11">
        <v>0</v>
      </c>
      <c r="G27" s="11">
        <v>0</v>
      </c>
      <c r="H27" s="11">
        <v>0</v>
      </c>
      <c r="I27" s="11">
        <v>0</v>
      </c>
    </row>
    <row r="28" spans="1:9" x14ac:dyDescent="0.25">
      <c r="A28" s="2" t="s">
        <v>49</v>
      </c>
      <c r="B28" s="4" t="s">
        <v>1128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1121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  <c r="H29" s="12">
        <v>0</v>
      </c>
      <c r="I29" s="12">
        <v>0</v>
      </c>
    </row>
    <row r="30" spans="1:9" x14ac:dyDescent="0.25">
      <c r="A30" s="3" t="s">
        <v>53</v>
      </c>
      <c r="B30" s="5" t="s">
        <v>1129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  <c r="H30" s="11">
        <v>0</v>
      </c>
      <c r="I30" s="11">
        <v>0</v>
      </c>
    </row>
    <row r="31" spans="1:9" x14ac:dyDescent="0.25">
      <c r="A31" s="2" t="s">
        <v>55</v>
      </c>
      <c r="B31" s="4" t="s">
        <v>1120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1121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1130</v>
      </c>
      <c r="C33" s="11">
        <v>1097817.54</v>
      </c>
      <c r="D33" s="11">
        <v>1097817.54</v>
      </c>
      <c r="E33" s="11">
        <v>100</v>
      </c>
      <c r="F33" s="11">
        <v>1097817.54</v>
      </c>
      <c r="G33" s="11">
        <v>100</v>
      </c>
      <c r="H33" s="11">
        <v>1097817.54</v>
      </c>
      <c r="I33" s="11">
        <v>100</v>
      </c>
    </row>
    <row r="35" spans="1:9" x14ac:dyDescent="0.25">
      <c r="A35" s="10" t="s">
        <v>6</v>
      </c>
      <c r="B35" s="10" t="s">
        <v>1131</v>
      </c>
      <c r="C35" s="10" t="s">
        <v>1025</v>
      </c>
      <c r="D35" s="10" t="s">
        <v>1026</v>
      </c>
      <c r="E35" s="10" t="s">
        <v>1027</v>
      </c>
    </row>
    <row r="36" spans="1:9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0" t="s">
        <v>7</v>
      </c>
    </row>
    <row r="37" spans="1:9" x14ac:dyDescent="0.25">
      <c r="A37" s="2" t="s">
        <v>61</v>
      </c>
      <c r="B37" s="4" t="s">
        <v>1132</v>
      </c>
      <c r="C37" s="12">
        <v>0</v>
      </c>
      <c r="D37" s="12">
        <v>0</v>
      </c>
      <c r="E37" s="12">
        <v>0</v>
      </c>
    </row>
    <row r="38" spans="1:9" x14ac:dyDescent="0.25">
      <c r="A38" s="2" t="s">
        <v>63</v>
      </c>
      <c r="B38" s="4" t="s">
        <v>1133</v>
      </c>
      <c r="C38" s="12">
        <v>0</v>
      </c>
      <c r="D38" s="12">
        <v>0</v>
      </c>
      <c r="E38" s="12">
        <v>0</v>
      </c>
    </row>
    <row r="39" spans="1:9" x14ac:dyDescent="0.25">
      <c r="A39" s="2" t="s">
        <v>65</v>
      </c>
      <c r="B39" s="4" t="s">
        <v>1134</v>
      </c>
      <c r="C39" s="12">
        <v>0</v>
      </c>
      <c r="D39" s="12">
        <v>0</v>
      </c>
      <c r="E39" s="12">
        <v>0</v>
      </c>
    </row>
    <row r="40" spans="1:9" x14ac:dyDescent="0.25">
      <c r="A40" s="2" t="s">
        <v>67</v>
      </c>
      <c r="B40" s="4" t="s">
        <v>1135</v>
      </c>
      <c r="C40" s="12">
        <v>1097817.54</v>
      </c>
      <c r="D40" s="12">
        <v>1097817.54</v>
      </c>
      <c r="E40" s="12">
        <v>1097817.54</v>
      </c>
    </row>
  </sheetData>
  <mergeCells count="17">
    <mergeCell ref="A35:A36"/>
    <mergeCell ref="B35:B36"/>
    <mergeCell ref="C35:C36"/>
    <mergeCell ref="D35:D36"/>
    <mergeCell ref="E35:E36"/>
    <mergeCell ref="A9:I9"/>
    <mergeCell ref="A10:A11"/>
    <mergeCell ref="B10:B11"/>
    <mergeCell ref="C10:C11"/>
    <mergeCell ref="D10:E10"/>
    <mergeCell ref="F10:G10"/>
    <mergeCell ref="H10:I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>
      <selection activeCell="F16" sqref="F16"/>
    </sheetView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13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13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1138</v>
      </c>
      <c r="C10" s="10" t="s">
        <v>1139</v>
      </c>
      <c r="D10" s="10" t="s">
        <v>1140</v>
      </c>
      <c r="E10" s="10" t="s">
        <v>1140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69</v>
      </c>
      <c r="E11" s="1" t="s">
        <v>1141</v>
      </c>
    </row>
    <row r="12" spans="1:13" x14ac:dyDescent="0.25">
      <c r="A12" s="3" t="s">
        <v>17</v>
      </c>
      <c r="B12" s="5" t="s">
        <v>1142</v>
      </c>
      <c r="C12" s="11">
        <v>0</v>
      </c>
      <c r="D12" s="11">
        <v>0</v>
      </c>
      <c r="E12" s="11">
        <v>0</v>
      </c>
    </row>
    <row r="13" spans="1:13" x14ac:dyDescent="0.25">
      <c r="A13" s="2" t="s">
        <v>19</v>
      </c>
      <c r="B13" s="4" t="s">
        <v>1143</v>
      </c>
      <c r="C13" s="12">
        <v>0</v>
      </c>
      <c r="D13" s="12">
        <v>0</v>
      </c>
      <c r="E13" s="12">
        <v>0</v>
      </c>
    </row>
    <row r="14" spans="1:13" x14ac:dyDescent="0.25">
      <c r="A14" s="3" t="s">
        <v>21</v>
      </c>
      <c r="B14" s="5" t="s">
        <v>1144</v>
      </c>
      <c r="C14" s="11">
        <v>0</v>
      </c>
      <c r="D14" s="11">
        <v>0</v>
      </c>
      <c r="E14" s="11">
        <v>0</v>
      </c>
    </row>
    <row r="15" spans="1:13" x14ac:dyDescent="0.25">
      <c r="A15" s="2" t="s">
        <v>23</v>
      </c>
      <c r="B15" s="4" t="s">
        <v>1145</v>
      </c>
      <c r="C15" s="12">
        <v>0</v>
      </c>
      <c r="D15" s="12">
        <v>0</v>
      </c>
      <c r="E15" s="12">
        <v>0</v>
      </c>
    </row>
    <row r="16" spans="1:13" x14ac:dyDescent="0.25">
      <c r="A16" s="2" t="s">
        <v>25</v>
      </c>
      <c r="B16" s="4" t="s">
        <v>1146</v>
      </c>
      <c r="C16" s="12">
        <v>0</v>
      </c>
      <c r="D16" s="12">
        <v>0</v>
      </c>
      <c r="E16" s="12">
        <v>0</v>
      </c>
    </row>
    <row r="17" spans="1:13" x14ac:dyDescent="0.25">
      <c r="A17" s="2" t="s">
        <v>27</v>
      </c>
      <c r="B17" s="4" t="s">
        <v>1147</v>
      </c>
      <c r="C17" s="12">
        <v>0</v>
      </c>
      <c r="D17" s="12">
        <v>0</v>
      </c>
      <c r="E17" s="12">
        <v>0</v>
      </c>
    </row>
    <row r="18" spans="1:13" x14ac:dyDescent="0.25">
      <c r="A18" s="3" t="s">
        <v>29</v>
      </c>
      <c r="B18" s="5" t="s">
        <v>1148</v>
      </c>
      <c r="C18" s="11">
        <v>0</v>
      </c>
      <c r="D18" s="11">
        <v>0</v>
      </c>
      <c r="E18" s="11">
        <v>0</v>
      </c>
    </row>
    <row r="19" spans="1:13" x14ac:dyDescent="0.25">
      <c r="A19" s="2" t="s">
        <v>31</v>
      </c>
      <c r="B19" s="4" t="s">
        <v>1149</v>
      </c>
      <c r="C19" s="12">
        <v>0</v>
      </c>
      <c r="D19" s="12">
        <v>0</v>
      </c>
      <c r="E19" s="12">
        <v>0</v>
      </c>
    </row>
    <row r="20" spans="1:13" x14ac:dyDescent="0.25">
      <c r="A20" s="2" t="s">
        <v>33</v>
      </c>
      <c r="B20" s="4" t="s">
        <v>1150</v>
      </c>
      <c r="C20" s="12">
        <v>0</v>
      </c>
      <c r="D20" s="12">
        <v>0</v>
      </c>
      <c r="E20" s="12">
        <v>0</v>
      </c>
    </row>
    <row r="21" spans="1:13" x14ac:dyDescent="0.25">
      <c r="A21" s="2" t="s">
        <v>35</v>
      </c>
      <c r="B21" s="4" t="s">
        <v>1151</v>
      </c>
      <c r="C21" s="12">
        <v>0</v>
      </c>
      <c r="D21" s="12">
        <v>0</v>
      </c>
      <c r="E21" s="12">
        <v>0</v>
      </c>
    </row>
    <row r="22" spans="1:13" x14ac:dyDescent="0.25">
      <c r="A22" s="2" t="s">
        <v>37</v>
      </c>
      <c r="B22" s="4" t="s">
        <v>1152</v>
      </c>
      <c r="C22" s="12">
        <v>0</v>
      </c>
      <c r="D22" s="12">
        <v>0</v>
      </c>
      <c r="E22" s="12">
        <v>0</v>
      </c>
    </row>
    <row r="24" spans="1:13" x14ac:dyDescent="0.25">
      <c r="A24" s="10" t="s">
        <v>6</v>
      </c>
      <c r="B24" s="10" t="s">
        <v>1153</v>
      </c>
      <c r="C24" s="10" t="s">
        <v>1154</v>
      </c>
      <c r="D24" s="10" t="s">
        <v>1155</v>
      </c>
      <c r="E24" s="10" t="s">
        <v>1156</v>
      </c>
      <c r="F24" s="10" t="s">
        <v>1157</v>
      </c>
      <c r="G24" s="10" t="s">
        <v>1158</v>
      </c>
      <c r="H24" s="10" t="s">
        <v>1159</v>
      </c>
      <c r="I24" s="10" t="s">
        <v>1160</v>
      </c>
      <c r="J24" s="10" t="s">
        <v>1161</v>
      </c>
      <c r="K24" s="10" t="s">
        <v>1162</v>
      </c>
      <c r="L24" s="10" t="s">
        <v>1163</v>
      </c>
      <c r="M24" s="10" t="s">
        <v>1164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3" t="s">
        <v>39</v>
      </c>
      <c r="B26" s="5" t="s">
        <v>1165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</row>
    <row r="27" spans="1:13" x14ac:dyDescent="0.25">
      <c r="A27" s="2" t="s">
        <v>41</v>
      </c>
      <c r="B27" s="4" t="s">
        <v>1166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</row>
    <row r="28" spans="1:13" x14ac:dyDescent="0.25">
      <c r="A28" s="2" t="s">
        <v>43</v>
      </c>
      <c r="B28" s="4" t="s">
        <v>1167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</row>
    <row r="29" spans="1:13" x14ac:dyDescent="0.25">
      <c r="A29" s="3" t="s">
        <v>45</v>
      </c>
      <c r="B29" s="5" t="s">
        <v>1168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</row>
    <row r="30" spans="1:13" x14ac:dyDescent="0.25">
      <c r="A30" s="2" t="s">
        <v>47</v>
      </c>
      <c r="B30" s="4" t="s">
        <v>1169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</row>
    <row r="31" spans="1:13" x14ac:dyDescent="0.25">
      <c r="A31" s="2" t="s">
        <v>49</v>
      </c>
      <c r="B31" s="4" t="s">
        <v>1170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</row>
    <row r="32" spans="1:13" x14ac:dyDescent="0.25">
      <c r="A32" s="3" t="s">
        <v>51</v>
      </c>
      <c r="B32" s="5" t="s">
        <v>1171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</row>
    <row r="33" spans="1:13" x14ac:dyDescent="0.25">
      <c r="A33" s="2" t="s">
        <v>53</v>
      </c>
      <c r="B33" s="4" t="s">
        <v>1172</v>
      </c>
      <c r="C33" s="12">
        <v>14070824317.809999</v>
      </c>
      <c r="D33" s="12">
        <v>14679824182.620001</v>
      </c>
      <c r="E33" s="12">
        <v>0</v>
      </c>
      <c r="F33" s="12">
        <v>0</v>
      </c>
      <c r="G33" s="12">
        <v>0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</row>
    <row r="34" spans="1:13" x14ac:dyDescent="0.25">
      <c r="A34" s="2" t="s">
        <v>55</v>
      </c>
      <c r="B34" s="4" t="s">
        <v>1173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</row>
    <row r="35" spans="1:13" x14ac:dyDescent="0.25">
      <c r="A35" s="2" t="s">
        <v>57</v>
      </c>
      <c r="B35" s="4" t="s">
        <v>1174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  <c r="J35" s="12">
        <v>0</v>
      </c>
      <c r="K35" s="12">
        <v>0</v>
      </c>
      <c r="L35" s="12">
        <v>0</v>
      </c>
      <c r="M35" s="12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5"/>
  <sheetViews>
    <sheetView showGridLines="0" tabSelected="1" topLeftCell="A88" workbookViewId="0">
      <selection activeCell="E93" sqref="E93"/>
    </sheetView>
  </sheetViews>
  <sheetFormatPr defaultRowHeight="15" x14ac:dyDescent="0.25"/>
  <cols>
    <col min="1" max="1" width="2.7109375" bestFit="1" customWidth="1"/>
    <col min="2" max="2" width="63.7109375" bestFit="1" customWidth="1"/>
    <col min="3" max="3" width="18.140625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175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176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2</v>
      </c>
      <c r="C10" s="10" t="s">
        <v>1141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8</v>
      </c>
      <c r="C12" s="12">
        <v>0</v>
      </c>
    </row>
    <row r="13" spans="1:6" x14ac:dyDescent="0.25">
      <c r="A13" s="2" t="s">
        <v>19</v>
      </c>
      <c r="B13" s="4" t="s">
        <v>1177</v>
      </c>
      <c r="C13" s="12">
        <v>16823704500</v>
      </c>
    </row>
    <row r="14" spans="1:6" x14ac:dyDescent="0.25">
      <c r="A14" s="2" t="s">
        <v>21</v>
      </c>
      <c r="B14" s="4" t="s">
        <v>1178</v>
      </c>
      <c r="C14" s="12">
        <v>17044007000</v>
      </c>
    </row>
    <row r="15" spans="1:6" x14ac:dyDescent="0.25">
      <c r="A15" s="2" t="s">
        <v>23</v>
      </c>
      <c r="B15" s="4" t="s">
        <v>1179</v>
      </c>
      <c r="C15" s="12">
        <v>6002032003.9499998</v>
      </c>
    </row>
    <row r="16" spans="1:6" x14ac:dyDescent="0.25">
      <c r="A16" s="2" t="s">
        <v>25</v>
      </c>
      <c r="B16" s="4" t="s">
        <v>1180</v>
      </c>
      <c r="C16" s="12">
        <v>0</v>
      </c>
    </row>
    <row r="17" spans="1:3" x14ac:dyDescent="0.25">
      <c r="A17" s="2" t="s">
        <v>27</v>
      </c>
      <c r="B17" s="4" t="s">
        <v>1181</v>
      </c>
      <c r="C17" s="12">
        <v>334568004.61000001</v>
      </c>
    </row>
    <row r="18" spans="1:3" x14ac:dyDescent="0.25">
      <c r="A18" s="2" t="s">
        <v>29</v>
      </c>
      <c r="B18" s="4" t="s">
        <v>165</v>
      </c>
      <c r="C18" s="12">
        <v>0</v>
      </c>
    </row>
    <row r="19" spans="1:3" x14ac:dyDescent="0.25">
      <c r="A19" s="2" t="s">
        <v>31</v>
      </c>
      <c r="B19" s="4" t="s">
        <v>1182</v>
      </c>
      <c r="C19" s="12">
        <v>16823704500</v>
      </c>
    </row>
    <row r="20" spans="1:3" x14ac:dyDescent="0.25">
      <c r="A20" s="2" t="s">
        <v>33</v>
      </c>
      <c r="B20" s="4" t="s">
        <v>1183</v>
      </c>
      <c r="C20" s="12">
        <v>17378575004.610001</v>
      </c>
    </row>
    <row r="21" spans="1:3" x14ac:dyDescent="0.25">
      <c r="A21" s="2" t="s">
        <v>35</v>
      </c>
      <c r="B21" s="4" t="s">
        <v>1184</v>
      </c>
      <c r="C21" s="12">
        <v>6919831726.9200001</v>
      </c>
    </row>
    <row r="22" spans="1:3" x14ac:dyDescent="0.25">
      <c r="A22" s="2" t="s">
        <v>37</v>
      </c>
      <c r="B22" s="4" t="s">
        <v>1185</v>
      </c>
      <c r="C22" s="12">
        <v>5240535315.2399998</v>
      </c>
    </row>
    <row r="23" spans="1:3" x14ac:dyDescent="0.25">
      <c r="A23" s="2" t="s">
        <v>39</v>
      </c>
      <c r="B23" s="4" t="s">
        <v>1186</v>
      </c>
      <c r="C23" s="12">
        <v>4944035806.6300001</v>
      </c>
    </row>
    <row r="24" spans="1:3" x14ac:dyDescent="0.25">
      <c r="A24" s="2" t="s">
        <v>41</v>
      </c>
      <c r="B24" s="4" t="s">
        <v>1187</v>
      </c>
      <c r="C24" s="12">
        <v>761496688.71000004</v>
      </c>
    </row>
    <row r="26" spans="1:3" x14ac:dyDescent="0.25">
      <c r="A26" s="10" t="s">
        <v>6</v>
      </c>
      <c r="B26" s="10" t="s">
        <v>1188</v>
      </c>
      <c r="C26" s="10" t="s">
        <v>1141</v>
      </c>
    </row>
    <row r="27" spans="1:3" x14ac:dyDescent="0.25">
      <c r="A27" s="10" t="s">
        <v>7</v>
      </c>
      <c r="B27" s="10" t="s">
        <v>7</v>
      </c>
      <c r="C27" s="10" t="s">
        <v>7</v>
      </c>
    </row>
    <row r="28" spans="1:3" x14ac:dyDescent="0.25">
      <c r="A28" s="2" t="s">
        <v>43</v>
      </c>
      <c r="B28" s="4" t="s">
        <v>168</v>
      </c>
      <c r="C28" s="12">
        <v>6919831726.9200001</v>
      </c>
    </row>
    <row r="29" spans="1:3" x14ac:dyDescent="0.25">
      <c r="A29" s="2" t="s">
        <v>45</v>
      </c>
      <c r="B29" s="4" t="s">
        <v>172</v>
      </c>
      <c r="C29" s="12">
        <v>5240535315.2399998</v>
      </c>
    </row>
    <row r="31" spans="1:3" x14ac:dyDescent="0.25">
      <c r="A31" s="10" t="s">
        <v>6</v>
      </c>
      <c r="B31" s="10" t="s">
        <v>1189</v>
      </c>
      <c r="C31" s="10" t="s">
        <v>1141</v>
      </c>
    </row>
    <row r="32" spans="1:3" x14ac:dyDescent="0.25">
      <c r="A32" s="10" t="s">
        <v>7</v>
      </c>
      <c r="B32" s="10" t="s">
        <v>7</v>
      </c>
      <c r="C32" s="10" t="s">
        <v>7</v>
      </c>
    </row>
    <row r="33" spans="1:3" x14ac:dyDescent="0.25">
      <c r="A33" s="2" t="s">
        <v>47</v>
      </c>
      <c r="B33" s="4" t="s">
        <v>1190</v>
      </c>
      <c r="C33" s="12">
        <v>14679824182.620001</v>
      </c>
    </row>
    <row r="34" spans="1:3" x14ac:dyDescent="0.25">
      <c r="A34" s="2" t="s">
        <v>49</v>
      </c>
      <c r="B34" s="4" t="s">
        <v>1191</v>
      </c>
      <c r="C34" s="12">
        <v>14678642585.5</v>
      </c>
    </row>
    <row r="35" spans="1:3" x14ac:dyDescent="0.25">
      <c r="A35" s="2" t="s">
        <v>51</v>
      </c>
      <c r="B35" s="4" t="s">
        <v>1192</v>
      </c>
      <c r="C35" s="12">
        <v>14678642585.5</v>
      </c>
    </row>
    <row r="37" spans="1:3" x14ac:dyDescent="0.25">
      <c r="A37" s="10" t="s">
        <v>6</v>
      </c>
      <c r="B37" s="10" t="s">
        <v>1193</v>
      </c>
      <c r="C37" s="10" t="s">
        <v>1141</v>
      </c>
    </row>
    <row r="38" spans="1:3" x14ac:dyDescent="0.25">
      <c r="A38" s="10" t="s">
        <v>7</v>
      </c>
      <c r="B38" s="10" t="s">
        <v>7</v>
      </c>
      <c r="C38" s="10" t="s">
        <v>7</v>
      </c>
    </row>
    <row r="39" spans="1:3" x14ac:dyDescent="0.25">
      <c r="A39" s="2" t="s">
        <v>53</v>
      </c>
      <c r="B39" s="4" t="s">
        <v>1194</v>
      </c>
      <c r="C39" s="12">
        <v>0</v>
      </c>
    </row>
    <row r="40" spans="1:3" x14ac:dyDescent="0.25">
      <c r="A40" s="2" t="s">
        <v>55</v>
      </c>
      <c r="B40" s="4" t="s">
        <v>1195</v>
      </c>
      <c r="C40" s="12">
        <v>842460901.73000002</v>
      </c>
    </row>
    <row r="41" spans="1:3" x14ac:dyDescent="0.25">
      <c r="A41" s="2" t="s">
        <v>57</v>
      </c>
      <c r="B41" s="4" t="s">
        <v>1196</v>
      </c>
      <c r="C41" s="12">
        <v>1035555244.33</v>
      </c>
    </row>
    <row r="42" spans="1:3" x14ac:dyDescent="0.25">
      <c r="A42" s="2" t="s">
        <v>59</v>
      </c>
      <c r="B42" s="4" t="s">
        <v>1197</v>
      </c>
      <c r="C42" s="12">
        <v>988132936.76999998</v>
      </c>
    </row>
    <row r="43" spans="1:3" x14ac:dyDescent="0.25">
      <c r="A43" s="2" t="s">
        <v>61</v>
      </c>
      <c r="B43" s="4" t="s">
        <v>1198</v>
      </c>
      <c r="C43" s="12">
        <v>-145672035.03999999</v>
      </c>
    </row>
    <row r="44" spans="1:3" x14ac:dyDescent="0.25">
      <c r="A44" s="2" t="s">
        <v>63</v>
      </c>
      <c r="B44" s="4" t="s">
        <v>1199</v>
      </c>
      <c r="C44" s="12">
        <v>0</v>
      </c>
    </row>
    <row r="45" spans="1:3" x14ac:dyDescent="0.25">
      <c r="A45" s="2" t="s">
        <v>65</v>
      </c>
      <c r="B45" s="4" t="s">
        <v>1195</v>
      </c>
      <c r="C45" s="12">
        <v>0</v>
      </c>
    </row>
    <row r="46" spans="1:3" x14ac:dyDescent="0.25">
      <c r="A46" s="2" t="s">
        <v>67</v>
      </c>
      <c r="B46" s="4" t="s">
        <v>1196</v>
      </c>
      <c r="C46" s="12">
        <v>0</v>
      </c>
    </row>
    <row r="47" spans="1:3" x14ac:dyDescent="0.25">
      <c r="A47" s="2" t="s">
        <v>69</v>
      </c>
      <c r="B47" s="4" t="s">
        <v>1197</v>
      </c>
      <c r="C47" s="12">
        <v>0</v>
      </c>
    </row>
    <row r="48" spans="1:3" x14ac:dyDescent="0.25">
      <c r="A48" s="2" t="s">
        <v>71</v>
      </c>
      <c r="B48" s="4" t="s">
        <v>1198</v>
      </c>
      <c r="C48" s="12">
        <v>0</v>
      </c>
    </row>
    <row r="50" spans="1:6" x14ac:dyDescent="0.25">
      <c r="A50" s="10" t="s">
        <v>6</v>
      </c>
      <c r="B50" s="10" t="s">
        <v>1200</v>
      </c>
      <c r="C50" s="10" t="s">
        <v>1201</v>
      </c>
      <c r="D50" s="10" t="s">
        <v>1202</v>
      </c>
      <c r="E50" s="10" t="s">
        <v>1203</v>
      </c>
    </row>
    <row r="51" spans="1:6" x14ac:dyDescent="0.25">
      <c r="A51" s="10" t="s">
        <v>7</v>
      </c>
      <c r="B51" s="10" t="s">
        <v>7</v>
      </c>
      <c r="C51" s="10" t="s">
        <v>7</v>
      </c>
      <c r="D51" s="10" t="s">
        <v>7</v>
      </c>
      <c r="E51" s="10" t="s">
        <v>7</v>
      </c>
    </row>
    <row r="52" spans="1:6" x14ac:dyDescent="0.25">
      <c r="A52" s="2" t="s">
        <v>73</v>
      </c>
      <c r="B52" s="4" t="s">
        <v>1204</v>
      </c>
      <c r="C52" s="12">
        <v>958127800</v>
      </c>
      <c r="D52" s="12">
        <v>834097770.61000001</v>
      </c>
      <c r="E52" s="12">
        <v>87.05</v>
      </c>
    </row>
    <row r="53" spans="1:6" x14ac:dyDescent="0.25">
      <c r="A53" s="2" t="s">
        <v>75</v>
      </c>
      <c r="B53" s="4" t="s">
        <v>1205</v>
      </c>
      <c r="C53" s="12">
        <v>427339100</v>
      </c>
      <c r="D53" s="12">
        <v>756438154.08000004</v>
      </c>
      <c r="E53" s="12">
        <v>177.01</v>
      </c>
    </row>
    <row r="55" spans="1:6" x14ac:dyDescent="0.25">
      <c r="A55" s="10" t="s">
        <v>6</v>
      </c>
      <c r="B55" s="10" t="s">
        <v>1206</v>
      </c>
      <c r="C55" s="10" t="s">
        <v>1207</v>
      </c>
      <c r="D55" s="10" t="s">
        <v>1208</v>
      </c>
      <c r="E55" s="10" t="s">
        <v>1209</v>
      </c>
      <c r="F55" s="10" t="s">
        <v>1210</v>
      </c>
    </row>
    <row r="56" spans="1:6" x14ac:dyDescent="0.25">
      <c r="A56" s="10" t="s">
        <v>7</v>
      </c>
      <c r="B56" s="10" t="s">
        <v>7</v>
      </c>
      <c r="C56" s="10" t="s">
        <v>7</v>
      </c>
      <c r="D56" s="10" t="s">
        <v>7</v>
      </c>
      <c r="E56" s="10" t="s">
        <v>7</v>
      </c>
      <c r="F56" s="10" t="s">
        <v>7</v>
      </c>
    </row>
    <row r="57" spans="1:6" x14ac:dyDescent="0.25">
      <c r="A57" s="3" t="s">
        <v>77</v>
      </c>
      <c r="B57" s="5" t="s">
        <v>1211</v>
      </c>
      <c r="C57" s="11">
        <v>398441925.79000002</v>
      </c>
      <c r="D57" s="11">
        <v>369532.36</v>
      </c>
      <c r="E57" s="11">
        <v>306344909.01999998</v>
      </c>
      <c r="F57" s="11">
        <v>91727484.409999996</v>
      </c>
    </row>
    <row r="58" spans="1:6" x14ac:dyDescent="0.25">
      <c r="A58" s="2" t="s">
        <v>79</v>
      </c>
      <c r="B58" s="4" t="s">
        <v>1212</v>
      </c>
      <c r="C58" s="12">
        <v>302273866.56999999</v>
      </c>
      <c r="D58" s="12">
        <v>249689</v>
      </c>
      <c r="E58" s="12">
        <v>220357969.62</v>
      </c>
      <c r="F58" s="12">
        <v>81666207.950000003</v>
      </c>
    </row>
    <row r="59" spans="1:6" x14ac:dyDescent="0.25">
      <c r="A59" s="2" t="s">
        <v>81</v>
      </c>
      <c r="B59" s="4" t="s">
        <v>1213</v>
      </c>
      <c r="C59" s="12">
        <v>14746964.82</v>
      </c>
      <c r="D59" s="12">
        <v>7722.51</v>
      </c>
      <c r="E59" s="12">
        <v>14739242.310000001</v>
      </c>
      <c r="F59" s="12">
        <v>0</v>
      </c>
    </row>
    <row r="60" spans="1:6" x14ac:dyDescent="0.25">
      <c r="A60" s="2" t="s">
        <v>83</v>
      </c>
      <c r="B60" s="4" t="s">
        <v>1214</v>
      </c>
      <c r="C60" s="12">
        <v>60108270.340000004</v>
      </c>
      <c r="D60" s="12">
        <v>112120.85</v>
      </c>
      <c r="E60" s="12">
        <v>59996094.509999998</v>
      </c>
      <c r="F60" s="12">
        <v>54.98</v>
      </c>
    </row>
    <row r="61" spans="1:6" x14ac:dyDescent="0.25">
      <c r="A61" s="2" t="s">
        <v>85</v>
      </c>
      <c r="B61" s="4" t="s">
        <v>1215</v>
      </c>
      <c r="C61" s="12">
        <v>18638673.329999998</v>
      </c>
      <c r="D61" s="12">
        <v>0</v>
      </c>
      <c r="E61" s="12">
        <v>8577451.8499999996</v>
      </c>
      <c r="F61" s="12">
        <v>10061221.48</v>
      </c>
    </row>
    <row r="62" spans="1:6" x14ac:dyDescent="0.25">
      <c r="A62" s="2" t="s">
        <v>87</v>
      </c>
      <c r="B62" s="4" t="s">
        <v>1216</v>
      </c>
      <c r="C62" s="12">
        <v>2674150.73</v>
      </c>
      <c r="D62" s="12">
        <v>0</v>
      </c>
      <c r="E62" s="12">
        <v>2674150.73</v>
      </c>
      <c r="F62" s="12">
        <v>0</v>
      </c>
    </row>
    <row r="63" spans="1:6" x14ac:dyDescent="0.25">
      <c r="A63" s="3" t="s">
        <v>89</v>
      </c>
      <c r="B63" s="5" t="s">
        <v>1217</v>
      </c>
      <c r="C63" s="11">
        <v>345665396.98000002</v>
      </c>
      <c r="D63" s="11">
        <v>29541834.699999999</v>
      </c>
      <c r="E63" s="11">
        <v>136511416</v>
      </c>
      <c r="F63" s="11">
        <v>179612146.28</v>
      </c>
    </row>
    <row r="64" spans="1:6" x14ac:dyDescent="0.25">
      <c r="A64" s="2" t="s">
        <v>91</v>
      </c>
      <c r="B64" s="4" t="s">
        <v>1212</v>
      </c>
      <c r="C64" s="12">
        <v>283773431.10000002</v>
      </c>
      <c r="D64" s="12">
        <v>18567993.829999998</v>
      </c>
      <c r="E64" s="12">
        <v>103789479.64</v>
      </c>
      <c r="F64" s="12">
        <v>161415957.63</v>
      </c>
    </row>
    <row r="65" spans="1:6" x14ac:dyDescent="0.25">
      <c r="A65" s="2" t="s">
        <v>93</v>
      </c>
      <c r="B65" s="4" t="s">
        <v>1213</v>
      </c>
      <c r="C65" s="12">
        <v>15185210.460000001</v>
      </c>
      <c r="D65" s="12">
        <v>1141279.48</v>
      </c>
      <c r="E65" s="12">
        <v>9345969.8499999996</v>
      </c>
      <c r="F65" s="12">
        <v>4697961.13</v>
      </c>
    </row>
    <row r="66" spans="1:6" x14ac:dyDescent="0.25">
      <c r="A66" s="2" t="s">
        <v>95</v>
      </c>
      <c r="B66" s="4" t="s">
        <v>1214</v>
      </c>
      <c r="C66" s="12">
        <v>21872459.469999999</v>
      </c>
      <c r="D66" s="12">
        <v>8856422.4800000004</v>
      </c>
      <c r="E66" s="12">
        <v>11819617.859999999</v>
      </c>
      <c r="F66" s="12">
        <v>1196419.1299999999</v>
      </c>
    </row>
    <row r="67" spans="1:6" x14ac:dyDescent="0.25">
      <c r="A67" s="2" t="s">
        <v>97</v>
      </c>
      <c r="B67" s="4" t="s">
        <v>1215</v>
      </c>
      <c r="C67" s="12">
        <v>21431846.760000002</v>
      </c>
      <c r="D67" s="12">
        <v>407147.58</v>
      </c>
      <c r="E67" s="12">
        <v>9009247.6099999994</v>
      </c>
      <c r="F67" s="12">
        <v>12015451.57</v>
      </c>
    </row>
    <row r="68" spans="1:6" x14ac:dyDescent="0.25">
      <c r="A68" s="2" t="s">
        <v>99</v>
      </c>
      <c r="B68" s="4" t="s">
        <v>1216</v>
      </c>
      <c r="C68" s="12">
        <v>3402449.19</v>
      </c>
      <c r="D68" s="12">
        <v>568991.32999999996</v>
      </c>
      <c r="E68" s="12">
        <v>2547101.04</v>
      </c>
      <c r="F68" s="12">
        <v>286356.82</v>
      </c>
    </row>
    <row r="69" spans="1:6" x14ac:dyDescent="0.25">
      <c r="A69" s="3" t="s">
        <v>101</v>
      </c>
      <c r="B69" s="5" t="s">
        <v>1218</v>
      </c>
      <c r="C69" s="11">
        <v>744107322.76999998</v>
      </c>
      <c r="D69" s="11">
        <v>29911367.059999999</v>
      </c>
      <c r="E69" s="11">
        <v>442856325.01999998</v>
      </c>
      <c r="F69" s="11">
        <v>271339630.69</v>
      </c>
    </row>
    <row r="71" spans="1:6" x14ac:dyDescent="0.25">
      <c r="A71" s="10" t="s">
        <v>6</v>
      </c>
      <c r="B71" s="10" t="s">
        <v>1219</v>
      </c>
      <c r="C71" s="10" t="s">
        <v>1220</v>
      </c>
      <c r="D71" s="10" t="s">
        <v>1221</v>
      </c>
      <c r="E71" s="10" t="s">
        <v>1221</v>
      </c>
    </row>
    <row r="72" spans="1:6" ht="21" x14ac:dyDescent="0.25">
      <c r="A72" s="10" t="s">
        <v>7</v>
      </c>
      <c r="B72" s="10" t="s">
        <v>7</v>
      </c>
      <c r="C72" s="10" t="s">
        <v>7</v>
      </c>
      <c r="D72" s="1" t="s">
        <v>1222</v>
      </c>
      <c r="E72" s="1" t="s">
        <v>1223</v>
      </c>
    </row>
    <row r="73" spans="1:6" x14ac:dyDescent="0.25">
      <c r="A73" s="2" t="s">
        <v>103</v>
      </c>
      <c r="B73" s="4" t="s">
        <v>1224</v>
      </c>
      <c r="C73" s="12">
        <v>1112893730.98</v>
      </c>
      <c r="D73" s="12">
        <v>25</v>
      </c>
      <c r="E73" s="12">
        <v>25.97</v>
      </c>
    </row>
    <row r="74" spans="1:6" x14ac:dyDescent="0.25">
      <c r="A74" s="2" t="s">
        <v>105</v>
      </c>
      <c r="B74" s="4" t="s">
        <v>1225</v>
      </c>
      <c r="C74" s="12">
        <v>383544739.68000001</v>
      </c>
      <c r="D74" s="12">
        <v>70</v>
      </c>
      <c r="E74" s="12">
        <v>82.64</v>
      </c>
    </row>
    <row r="75" spans="1:6" x14ac:dyDescent="0.25">
      <c r="A75" s="2" t="s">
        <v>107</v>
      </c>
      <c r="B75" s="4" t="s">
        <v>1226</v>
      </c>
      <c r="C75" s="12">
        <v>0</v>
      </c>
      <c r="D75" s="12">
        <v>50</v>
      </c>
      <c r="E75" s="12">
        <v>0</v>
      </c>
    </row>
    <row r="76" spans="1:6" x14ac:dyDescent="0.25">
      <c r="A76" s="2" t="s">
        <v>109</v>
      </c>
      <c r="B76" s="4" t="s">
        <v>1227</v>
      </c>
      <c r="C76" s="12">
        <v>0</v>
      </c>
      <c r="D76" s="12">
        <v>15</v>
      </c>
      <c r="E76" s="12">
        <v>0</v>
      </c>
    </row>
    <row r="78" spans="1:6" x14ac:dyDescent="0.25">
      <c r="A78" s="10" t="s">
        <v>6</v>
      </c>
      <c r="B78" s="10" t="s">
        <v>1228</v>
      </c>
      <c r="C78" s="10" t="s">
        <v>1229</v>
      </c>
      <c r="D78" s="10" t="s">
        <v>1230</v>
      </c>
    </row>
    <row r="79" spans="1:6" x14ac:dyDescent="0.25">
      <c r="A79" s="10" t="s">
        <v>7</v>
      </c>
      <c r="B79" s="10" t="s">
        <v>7</v>
      </c>
      <c r="C79" s="10" t="s">
        <v>7</v>
      </c>
      <c r="D79" s="10" t="s">
        <v>7</v>
      </c>
    </row>
    <row r="80" spans="1:6" x14ac:dyDescent="0.25">
      <c r="A80" s="2" t="s">
        <v>111</v>
      </c>
      <c r="B80" s="4" t="s">
        <v>1231</v>
      </c>
      <c r="C80" s="12">
        <v>0</v>
      </c>
      <c r="D80" s="12">
        <v>0</v>
      </c>
    </row>
    <row r="81" spans="1:6" x14ac:dyDescent="0.25">
      <c r="A81" s="2" t="s">
        <v>113</v>
      </c>
      <c r="B81" s="4" t="s">
        <v>1232</v>
      </c>
      <c r="C81" s="12">
        <v>0</v>
      </c>
      <c r="D81" s="12">
        <v>0</v>
      </c>
    </row>
    <row r="83" spans="1:6" x14ac:dyDescent="0.25">
      <c r="A83" s="10" t="s">
        <v>6</v>
      </c>
      <c r="B83" s="10" t="s">
        <v>1233</v>
      </c>
      <c r="C83" s="10" t="s">
        <v>1234</v>
      </c>
      <c r="D83" s="10" t="s">
        <v>1235</v>
      </c>
      <c r="E83" s="10" t="s">
        <v>1236</v>
      </c>
      <c r="F83" s="10" t="s">
        <v>1237</v>
      </c>
    </row>
    <row r="84" spans="1:6" x14ac:dyDescent="0.25">
      <c r="A84" s="10" t="s">
        <v>7</v>
      </c>
      <c r="B84" s="10" t="s">
        <v>7</v>
      </c>
      <c r="C84" s="10" t="s">
        <v>7</v>
      </c>
      <c r="D84" s="10" t="s">
        <v>7</v>
      </c>
      <c r="E84" s="10" t="s">
        <v>7</v>
      </c>
      <c r="F84" s="10" t="s">
        <v>7</v>
      </c>
    </row>
    <row r="85" spans="1:6" x14ac:dyDescent="0.25">
      <c r="A85" s="2" t="s">
        <v>115</v>
      </c>
      <c r="B85" s="4" t="s">
        <v>1238</v>
      </c>
      <c r="C85" s="12">
        <v>0</v>
      </c>
      <c r="D85" s="12">
        <v>0</v>
      </c>
      <c r="E85" s="12">
        <v>0</v>
      </c>
      <c r="F85" s="12">
        <v>0</v>
      </c>
    </row>
    <row r="86" spans="1:6" x14ac:dyDescent="0.25">
      <c r="A86" s="2" t="s">
        <v>117</v>
      </c>
      <c r="B86" s="4" t="s">
        <v>1239</v>
      </c>
      <c r="C86" s="12">
        <v>0</v>
      </c>
      <c r="D86" s="12">
        <v>0</v>
      </c>
      <c r="E86" s="12">
        <v>0</v>
      </c>
      <c r="F86" s="12">
        <v>0</v>
      </c>
    </row>
    <row r="87" spans="1:6" x14ac:dyDescent="0.25">
      <c r="A87" s="2" t="s">
        <v>119</v>
      </c>
      <c r="B87" s="4" t="s">
        <v>1240</v>
      </c>
      <c r="C87" s="12">
        <v>0</v>
      </c>
      <c r="D87" s="12">
        <v>0</v>
      </c>
      <c r="E87" s="12">
        <v>0</v>
      </c>
      <c r="F87" s="12">
        <v>0</v>
      </c>
    </row>
    <row r="88" spans="1:6" x14ac:dyDescent="0.25">
      <c r="A88" s="2" t="s">
        <v>120</v>
      </c>
      <c r="B88" s="4" t="s">
        <v>1198</v>
      </c>
      <c r="C88" s="12">
        <v>0</v>
      </c>
      <c r="D88" s="12">
        <v>0</v>
      </c>
      <c r="E88" s="12">
        <v>0</v>
      </c>
      <c r="F88" s="12">
        <v>0</v>
      </c>
    </row>
    <row r="89" spans="1:6" x14ac:dyDescent="0.25">
      <c r="A89" s="2" t="s">
        <v>121</v>
      </c>
      <c r="B89" s="4" t="s">
        <v>1241</v>
      </c>
      <c r="C89" s="12">
        <v>0</v>
      </c>
      <c r="D89" s="12">
        <v>0</v>
      </c>
      <c r="E89" s="12">
        <v>0</v>
      </c>
      <c r="F89" s="12">
        <v>0</v>
      </c>
    </row>
    <row r="90" spans="1:6" x14ac:dyDescent="0.25">
      <c r="A90" s="2" t="s">
        <v>122</v>
      </c>
      <c r="B90" s="4" t="s">
        <v>1239</v>
      </c>
      <c r="C90" s="12">
        <v>0</v>
      </c>
      <c r="D90" s="12">
        <v>0</v>
      </c>
      <c r="E90" s="12">
        <v>0</v>
      </c>
      <c r="F90" s="12">
        <v>0</v>
      </c>
    </row>
    <row r="91" spans="1:6" x14ac:dyDescent="0.25">
      <c r="A91" s="2" t="s">
        <v>123</v>
      </c>
      <c r="B91" s="4" t="s">
        <v>1240</v>
      </c>
      <c r="C91" s="12">
        <v>0</v>
      </c>
      <c r="D91" s="12">
        <v>0</v>
      </c>
      <c r="E91" s="12">
        <v>0</v>
      </c>
      <c r="F91" s="12">
        <v>0</v>
      </c>
    </row>
    <row r="92" spans="1:6" x14ac:dyDescent="0.25">
      <c r="A92" s="2" t="s">
        <v>124</v>
      </c>
      <c r="B92" s="4" t="s">
        <v>1198</v>
      </c>
      <c r="C92" s="12">
        <v>0</v>
      </c>
      <c r="D92" s="12">
        <v>0</v>
      </c>
      <c r="E92" s="12">
        <v>0</v>
      </c>
      <c r="F92" s="12">
        <v>0</v>
      </c>
    </row>
    <row r="94" spans="1:6" x14ac:dyDescent="0.25">
      <c r="A94" s="10" t="s">
        <v>6</v>
      </c>
      <c r="B94" s="10" t="s">
        <v>1242</v>
      </c>
      <c r="C94" s="10" t="s">
        <v>1229</v>
      </c>
      <c r="D94" s="10" t="s">
        <v>1243</v>
      </c>
    </row>
    <row r="95" spans="1:6" x14ac:dyDescent="0.25">
      <c r="A95" s="10" t="s">
        <v>7</v>
      </c>
      <c r="B95" s="10" t="s">
        <v>7</v>
      </c>
      <c r="C95" s="10" t="s">
        <v>7</v>
      </c>
      <c r="D95" s="10" t="s">
        <v>7</v>
      </c>
    </row>
    <row r="96" spans="1:6" x14ac:dyDescent="0.25">
      <c r="A96" s="2" t="s">
        <v>125</v>
      </c>
      <c r="B96" s="4" t="s">
        <v>1244</v>
      </c>
      <c r="C96" s="12">
        <v>0</v>
      </c>
      <c r="D96" s="12">
        <v>0</v>
      </c>
    </row>
    <row r="97" spans="1:5" x14ac:dyDescent="0.25">
      <c r="A97" s="2" t="s">
        <v>126</v>
      </c>
      <c r="B97" s="4" t="s">
        <v>1245</v>
      </c>
      <c r="C97" s="12">
        <v>0</v>
      </c>
      <c r="D97" s="12">
        <v>0</v>
      </c>
    </row>
    <row r="99" spans="1:5" x14ac:dyDescent="0.25">
      <c r="A99" s="10" t="s">
        <v>6</v>
      </c>
      <c r="B99" s="10" t="s">
        <v>1246</v>
      </c>
      <c r="C99" s="10" t="s">
        <v>1220</v>
      </c>
      <c r="D99" s="10" t="s">
        <v>1247</v>
      </c>
      <c r="E99" s="10" t="s">
        <v>1247</v>
      </c>
    </row>
    <row r="100" spans="1:5" ht="21" x14ac:dyDescent="0.25">
      <c r="A100" s="10" t="s">
        <v>7</v>
      </c>
      <c r="B100" s="10" t="s">
        <v>7</v>
      </c>
      <c r="C100" s="10" t="s">
        <v>7</v>
      </c>
      <c r="D100" s="1" t="s">
        <v>1222</v>
      </c>
      <c r="E100" s="1" t="s">
        <v>1223</v>
      </c>
    </row>
    <row r="101" spans="1:5" x14ac:dyDescent="0.25">
      <c r="A101" s="2" t="s">
        <v>127</v>
      </c>
      <c r="B101" s="4" t="s">
        <v>1248</v>
      </c>
      <c r="C101" s="12">
        <v>460264117.13</v>
      </c>
      <c r="D101" s="12">
        <v>12</v>
      </c>
      <c r="E101" s="12">
        <v>10.74</v>
      </c>
    </row>
    <row r="103" spans="1:5" x14ac:dyDescent="0.25">
      <c r="A103" s="10" t="s">
        <v>6</v>
      </c>
      <c r="B103" s="10" t="s">
        <v>1249</v>
      </c>
      <c r="C103" s="10" t="s">
        <v>1250</v>
      </c>
    </row>
    <row r="104" spans="1:5" x14ac:dyDescent="0.25">
      <c r="A104" s="10" t="s">
        <v>7</v>
      </c>
      <c r="B104" s="10" t="s">
        <v>7</v>
      </c>
      <c r="C104" s="10" t="s">
        <v>7</v>
      </c>
    </row>
    <row r="105" spans="1:5" x14ac:dyDescent="0.25">
      <c r="A105" s="2" t="s">
        <v>129</v>
      </c>
      <c r="B105" s="4" t="s">
        <v>1251</v>
      </c>
      <c r="C105" s="12">
        <v>0</v>
      </c>
    </row>
  </sheetData>
  <mergeCells count="54">
    <mergeCell ref="A99:A100"/>
    <mergeCell ref="B99:B100"/>
    <mergeCell ref="C99:C100"/>
    <mergeCell ref="D99:E99"/>
    <mergeCell ref="A103:A104"/>
    <mergeCell ref="B103:B104"/>
    <mergeCell ref="C103:C104"/>
    <mergeCell ref="E83:E84"/>
    <mergeCell ref="F83:F84"/>
    <mergeCell ref="A94:A95"/>
    <mergeCell ref="B94:B95"/>
    <mergeCell ref="C94:C95"/>
    <mergeCell ref="D94:D95"/>
    <mergeCell ref="A78:A79"/>
    <mergeCell ref="B78:B79"/>
    <mergeCell ref="C78:C79"/>
    <mergeCell ref="D78:D79"/>
    <mergeCell ref="A83:A84"/>
    <mergeCell ref="B83:B84"/>
    <mergeCell ref="C83:C84"/>
    <mergeCell ref="D83:D84"/>
    <mergeCell ref="F55:F56"/>
    <mergeCell ref="A71:A72"/>
    <mergeCell ref="B71:B72"/>
    <mergeCell ref="C71:C72"/>
    <mergeCell ref="D71:E71"/>
    <mergeCell ref="A55:A56"/>
    <mergeCell ref="B55:B56"/>
    <mergeCell ref="C55:C56"/>
    <mergeCell ref="D55:D56"/>
    <mergeCell ref="E55:E56"/>
    <mergeCell ref="A50:A51"/>
    <mergeCell ref="B50:B51"/>
    <mergeCell ref="C50:C51"/>
    <mergeCell ref="D50:D51"/>
    <mergeCell ref="E50:E51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08"/>
  <sheetViews>
    <sheetView showGridLines="0" workbookViewId="0">
      <selection activeCell="C12" sqref="C12:L208"/>
    </sheetView>
  </sheetViews>
  <sheetFormatPr defaultRowHeight="15" x14ac:dyDescent="0.25"/>
  <cols>
    <col min="2" max="2" width="51.5703125" bestFit="1" customWidth="1"/>
    <col min="3" max="4" width="20.140625" bestFit="1" customWidth="1"/>
    <col min="5" max="6" width="19" bestFit="1" customWidth="1"/>
    <col min="7" max="7" width="9.28515625" bestFit="1" customWidth="1"/>
    <col min="8" max="8" width="20.140625" bestFit="1" customWidth="1"/>
    <col min="9" max="10" width="19" bestFit="1" customWidth="1"/>
    <col min="11" max="11" width="9.28515625" bestFit="1" customWidth="1"/>
    <col min="12" max="12" width="20.14062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36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36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368</v>
      </c>
      <c r="C10" s="10" t="s">
        <v>369</v>
      </c>
      <c r="D10" s="10" t="s">
        <v>370</v>
      </c>
      <c r="E10" s="10" t="s">
        <v>168</v>
      </c>
      <c r="F10" s="10" t="s">
        <v>7</v>
      </c>
      <c r="G10" s="10" t="s">
        <v>7</v>
      </c>
      <c r="H10" s="10" t="s">
        <v>373</v>
      </c>
      <c r="I10" s="10" t="s">
        <v>172</v>
      </c>
      <c r="J10" s="10" t="s">
        <v>7</v>
      </c>
      <c r="K10" s="10" t="s">
        <v>7</v>
      </c>
      <c r="L10" s="10" t="s">
        <v>376</v>
      </c>
    </row>
    <row r="11" spans="1:12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69</v>
      </c>
      <c r="F11" s="1" t="s">
        <v>371</v>
      </c>
      <c r="G11" s="1" t="s">
        <v>372</v>
      </c>
      <c r="H11" s="10" t="s">
        <v>7</v>
      </c>
      <c r="I11" s="1" t="s">
        <v>169</v>
      </c>
      <c r="J11" s="1" t="s">
        <v>374</v>
      </c>
      <c r="K11" s="1" t="s">
        <v>375</v>
      </c>
      <c r="L11" s="10" t="s">
        <v>7</v>
      </c>
    </row>
    <row r="12" spans="1:12" x14ac:dyDescent="0.25">
      <c r="A12" s="3" t="s">
        <v>17</v>
      </c>
      <c r="B12" s="5" t="s">
        <v>377</v>
      </c>
      <c r="C12" s="11">
        <v>15050076900</v>
      </c>
      <c r="D12" s="11">
        <v>15434783219.82</v>
      </c>
      <c r="E12" s="11">
        <v>2433247678.8800001</v>
      </c>
      <c r="F12" s="11">
        <v>6146104576.2299995</v>
      </c>
      <c r="G12" s="11">
        <v>88.84</v>
      </c>
      <c r="H12" s="11">
        <v>9288678643.5900002</v>
      </c>
      <c r="I12" s="11">
        <v>2297135237.7199998</v>
      </c>
      <c r="J12" s="11">
        <v>4579281223.5799999</v>
      </c>
      <c r="K12" s="11">
        <v>87.37</v>
      </c>
      <c r="L12" s="11">
        <v>10855501996.24</v>
      </c>
    </row>
    <row r="13" spans="1:12" x14ac:dyDescent="0.25">
      <c r="A13" s="3" t="s">
        <v>19</v>
      </c>
      <c r="B13" s="5" t="s">
        <v>378</v>
      </c>
      <c r="C13" s="11">
        <v>514711000</v>
      </c>
      <c r="D13" s="11">
        <v>514711000</v>
      </c>
      <c r="E13" s="11">
        <v>58867196.859999999</v>
      </c>
      <c r="F13" s="11">
        <v>264807206.71000001</v>
      </c>
      <c r="G13" s="11">
        <v>3.83</v>
      </c>
      <c r="H13" s="11">
        <v>249903793.28999999</v>
      </c>
      <c r="I13" s="11">
        <v>65171652.590000004</v>
      </c>
      <c r="J13" s="11">
        <v>122895515.59999999</v>
      </c>
      <c r="K13" s="11">
        <v>2.34</v>
      </c>
      <c r="L13" s="11">
        <v>391815484.39999998</v>
      </c>
    </row>
    <row r="14" spans="1:12" x14ac:dyDescent="0.25">
      <c r="A14" s="2" t="s">
        <v>21</v>
      </c>
      <c r="B14" s="4" t="s">
        <v>379</v>
      </c>
      <c r="C14" s="12">
        <v>268052200</v>
      </c>
      <c r="D14" s="12">
        <v>268052200</v>
      </c>
      <c r="E14" s="12">
        <v>32399703.670000002</v>
      </c>
      <c r="F14" s="12">
        <v>92470197.510000005</v>
      </c>
      <c r="G14" s="12">
        <v>1.34</v>
      </c>
      <c r="H14" s="12">
        <v>175582002.49000001</v>
      </c>
      <c r="I14" s="12">
        <v>33298744.5</v>
      </c>
      <c r="J14" s="12">
        <v>65111463.310000002</v>
      </c>
      <c r="K14" s="12">
        <v>1.24</v>
      </c>
      <c r="L14" s="12">
        <v>202940736.69</v>
      </c>
    </row>
    <row r="15" spans="1:12" x14ac:dyDescent="0.25">
      <c r="A15" s="2" t="s">
        <v>23</v>
      </c>
      <c r="B15" s="4" t="s">
        <v>380</v>
      </c>
      <c r="C15" s="12">
        <v>244958800</v>
      </c>
      <c r="D15" s="12">
        <v>244958800</v>
      </c>
      <c r="E15" s="12">
        <v>26467493.190000001</v>
      </c>
      <c r="F15" s="12">
        <v>170731119.24000001</v>
      </c>
      <c r="G15" s="12">
        <v>2.4700000000000002</v>
      </c>
      <c r="H15" s="12">
        <v>74227680.760000005</v>
      </c>
      <c r="I15" s="12">
        <v>31621335.350000001</v>
      </c>
      <c r="J15" s="12">
        <v>57281291.060000002</v>
      </c>
      <c r="K15" s="12">
        <v>1.0900000000000001</v>
      </c>
      <c r="L15" s="12">
        <v>187677508.94</v>
      </c>
    </row>
    <row r="16" spans="1:12" x14ac:dyDescent="0.25">
      <c r="A16" s="2" t="s">
        <v>25</v>
      </c>
      <c r="B16" s="4" t="s">
        <v>381</v>
      </c>
      <c r="C16" s="12">
        <v>1700000</v>
      </c>
      <c r="D16" s="12">
        <v>1700000</v>
      </c>
      <c r="E16" s="12">
        <v>0</v>
      </c>
      <c r="F16" s="12">
        <v>1605889.96</v>
      </c>
      <c r="G16" s="12">
        <v>0.02</v>
      </c>
      <c r="H16" s="12">
        <v>94110.04</v>
      </c>
      <c r="I16" s="12">
        <v>251572.74</v>
      </c>
      <c r="J16" s="12">
        <v>502761.23</v>
      </c>
      <c r="K16" s="12">
        <v>0.01</v>
      </c>
      <c r="L16" s="12">
        <v>1197238.77</v>
      </c>
    </row>
    <row r="17" spans="1:12" x14ac:dyDescent="0.25">
      <c r="A17" s="3" t="s">
        <v>27</v>
      </c>
      <c r="B17" s="5" t="s">
        <v>382</v>
      </c>
      <c r="C17" s="11">
        <v>988460000</v>
      </c>
      <c r="D17" s="11">
        <v>990733000</v>
      </c>
      <c r="E17" s="11">
        <v>22000148.449999999</v>
      </c>
      <c r="F17" s="11">
        <v>836079555.63999999</v>
      </c>
      <c r="G17" s="11">
        <v>12.08</v>
      </c>
      <c r="H17" s="11">
        <v>154653444.36000001</v>
      </c>
      <c r="I17" s="11">
        <v>141589687.34</v>
      </c>
      <c r="J17" s="11">
        <v>277608131.98000002</v>
      </c>
      <c r="K17" s="11">
        <v>5.3</v>
      </c>
      <c r="L17" s="11">
        <v>713124868.01999998</v>
      </c>
    </row>
    <row r="18" spans="1:12" x14ac:dyDescent="0.25">
      <c r="A18" s="2" t="s">
        <v>29</v>
      </c>
      <c r="B18" s="4" t="s">
        <v>383</v>
      </c>
      <c r="C18" s="12">
        <v>146511600</v>
      </c>
      <c r="D18" s="12">
        <v>146511600</v>
      </c>
      <c r="E18" s="12">
        <v>11228379.33</v>
      </c>
      <c r="F18" s="12">
        <v>114868327.75</v>
      </c>
      <c r="G18" s="12">
        <v>1.66</v>
      </c>
      <c r="H18" s="12">
        <v>31643272.25</v>
      </c>
      <c r="I18" s="12">
        <v>20628275.34</v>
      </c>
      <c r="J18" s="12">
        <v>39054463.079999998</v>
      </c>
      <c r="K18" s="12">
        <v>0.75</v>
      </c>
      <c r="L18" s="12">
        <v>107457136.92</v>
      </c>
    </row>
    <row r="19" spans="1:12" x14ac:dyDescent="0.25">
      <c r="A19" s="2" t="s">
        <v>31</v>
      </c>
      <c r="B19" s="4" t="s">
        <v>384</v>
      </c>
      <c r="C19" s="12">
        <v>794760000</v>
      </c>
      <c r="D19" s="12">
        <v>797033000</v>
      </c>
      <c r="E19" s="12">
        <v>99826.15</v>
      </c>
      <c r="F19" s="12">
        <v>691148940.76999998</v>
      </c>
      <c r="G19" s="12">
        <v>9.99</v>
      </c>
      <c r="H19" s="12">
        <v>105884059.23</v>
      </c>
      <c r="I19" s="12">
        <v>113437301.13</v>
      </c>
      <c r="J19" s="12">
        <v>230093833.19</v>
      </c>
      <c r="K19" s="12">
        <v>4.3899999999999997</v>
      </c>
      <c r="L19" s="12">
        <v>566939166.80999994</v>
      </c>
    </row>
    <row r="20" spans="1:12" x14ac:dyDescent="0.25">
      <c r="A20" s="2" t="s">
        <v>33</v>
      </c>
      <c r="B20" s="4" t="s">
        <v>385</v>
      </c>
      <c r="C20" s="12">
        <v>40802000</v>
      </c>
      <c r="D20" s="12">
        <v>40802000</v>
      </c>
      <c r="E20" s="12">
        <v>8993707.9499999993</v>
      </c>
      <c r="F20" s="12">
        <v>24865431.41</v>
      </c>
      <c r="G20" s="12">
        <v>0.36</v>
      </c>
      <c r="H20" s="12">
        <v>15936568.59</v>
      </c>
      <c r="I20" s="12">
        <v>7123137.29</v>
      </c>
      <c r="J20" s="12">
        <v>7791955.7199999997</v>
      </c>
      <c r="K20" s="12">
        <v>0.15</v>
      </c>
      <c r="L20" s="12">
        <v>33010044.280000001</v>
      </c>
    </row>
    <row r="21" spans="1:12" x14ac:dyDescent="0.25">
      <c r="A21" s="2" t="s">
        <v>35</v>
      </c>
      <c r="B21" s="4" t="s">
        <v>386</v>
      </c>
      <c r="C21" s="12">
        <v>2095300</v>
      </c>
      <c r="D21" s="12">
        <v>2095300</v>
      </c>
      <c r="E21" s="12">
        <v>117942.7</v>
      </c>
      <c r="F21" s="12">
        <v>1447966.12</v>
      </c>
      <c r="G21" s="12">
        <v>0.02</v>
      </c>
      <c r="H21" s="12">
        <v>647333.88</v>
      </c>
      <c r="I21" s="12">
        <v>53188.68</v>
      </c>
      <c r="J21" s="12">
        <v>80337.81</v>
      </c>
      <c r="K21" s="12">
        <v>0</v>
      </c>
      <c r="L21" s="12">
        <v>2014962.19</v>
      </c>
    </row>
    <row r="22" spans="1:12" x14ac:dyDescent="0.25">
      <c r="A22" s="2" t="s">
        <v>37</v>
      </c>
      <c r="B22" s="4" t="s">
        <v>387</v>
      </c>
      <c r="C22" s="12">
        <v>3591100</v>
      </c>
      <c r="D22" s="12">
        <v>3591100</v>
      </c>
      <c r="E22" s="12">
        <v>1560292.32</v>
      </c>
      <c r="F22" s="12">
        <v>3066889.59</v>
      </c>
      <c r="G22" s="12">
        <v>0.04</v>
      </c>
      <c r="H22" s="12">
        <v>524210.41</v>
      </c>
      <c r="I22" s="12">
        <v>237798.58</v>
      </c>
      <c r="J22" s="12">
        <v>367738.08</v>
      </c>
      <c r="K22" s="12">
        <v>0.01</v>
      </c>
      <c r="L22" s="12">
        <v>3223361.92</v>
      </c>
    </row>
    <row r="23" spans="1:12" x14ac:dyDescent="0.25">
      <c r="A23" s="2" t="s">
        <v>39</v>
      </c>
      <c r="B23" s="4" t="s">
        <v>381</v>
      </c>
      <c r="C23" s="12">
        <v>700000</v>
      </c>
      <c r="D23" s="12">
        <v>700000</v>
      </c>
      <c r="E23" s="12">
        <v>0</v>
      </c>
      <c r="F23" s="12">
        <v>682000</v>
      </c>
      <c r="G23" s="12">
        <v>0.01</v>
      </c>
      <c r="H23" s="12">
        <v>18000</v>
      </c>
      <c r="I23" s="12">
        <v>109986.32</v>
      </c>
      <c r="J23" s="12">
        <v>219804.1</v>
      </c>
      <c r="K23" s="12">
        <v>0</v>
      </c>
      <c r="L23" s="12">
        <v>480195.9</v>
      </c>
    </row>
    <row r="24" spans="1:12" x14ac:dyDescent="0.25">
      <c r="A24" s="3" t="s">
        <v>41</v>
      </c>
      <c r="B24" s="5" t="s">
        <v>388</v>
      </c>
      <c r="C24" s="11">
        <v>984351500</v>
      </c>
      <c r="D24" s="11">
        <v>996819067.03999996</v>
      </c>
      <c r="E24" s="11">
        <v>155941132.47999999</v>
      </c>
      <c r="F24" s="11">
        <v>374203038.32999998</v>
      </c>
      <c r="G24" s="11">
        <v>5.4</v>
      </c>
      <c r="H24" s="11">
        <v>622616028.71000004</v>
      </c>
      <c r="I24" s="11">
        <v>152620843.06</v>
      </c>
      <c r="J24" s="11">
        <v>324722846.66000003</v>
      </c>
      <c r="K24" s="11">
        <v>6.2</v>
      </c>
      <c r="L24" s="11">
        <v>672096220.38</v>
      </c>
    </row>
    <row r="25" spans="1:12" x14ac:dyDescent="0.25">
      <c r="A25" s="2" t="s">
        <v>43</v>
      </c>
      <c r="B25" s="4" t="s">
        <v>389</v>
      </c>
      <c r="C25" s="12">
        <v>454086600</v>
      </c>
      <c r="D25" s="12">
        <v>463551600</v>
      </c>
      <c r="E25" s="12">
        <v>62056145.350000001</v>
      </c>
      <c r="F25" s="12">
        <v>155607761.38999999</v>
      </c>
      <c r="G25" s="12">
        <v>2.25</v>
      </c>
      <c r="H25" s="12">
        <v>307943838.61000001</v>
      </c>
      <c r="I25" s="12">
        <v>59493774.420000002</v>
      </c>
      <c r="J25" s="12">
        <v>114160637.03</v>
      </c>
      <c r="K25" s="12">
        <v>2.1800000000000002</v>
      </c>
      <c r="L25" s="12">
        <v>349390962.97000003</v>
      </c>
    </row>
    <row r="26" spans="1:12" x14ac:dyDescent="0.25">
      <c r="A26" s="2" t="s">
        <v>45</v>
      </c>
      <c r="B26" s="4" t="s">
        <v>390</v>
      </c>
      <c r="C26" s="12">
        <v>110357500</v>
      </c>
      <c r="D26" s="12">
        <v>111077500</v>
      </c>
      <c r="E26" s="12">
        <v>10106773.109999999</v>
      </c>
      <c r="F26" s="12">
        <v>20643333</v>
      </c>
      <c r="G26" s="12">
        <v>0.3</v>
      </c>
      <c r="H26" s="12">
        <v>90434167</v>
      </c>
      <c r="I26" s="12">
        <v>10174025.449999999</v>
      </c>
      <c r="J26" s="12">
        <v>19944447.629999999</v>
      </c>
      <c r="K26" s="12">
        <v>0.38</v>
      </c>
      <c r="L26" s="12">
        <v>91133052.370000005</v>
      </c>
    </row>
    <row r="27" spans="1:12" x14ac:dyDescent="0.25">
      <c r="A27" s="2" t="s">
        <v>47</v>
      </c>
      <c r="B27" s="4" t="s">
        <v>384</v>
      </c>
      <c r="C27" s="12">
        <v>18435000</v>
      </c>
      <c r="D27" s="12">
        <v>21435000</v>
      </c>
      <c r="E27" s="12">
        <v>3001312.72</v>
      </c>
      <c r="F27" s="12">
        <v>10478234.630000001</v>
      </c>
      <c r="G27" s="12">
        <v>0.15</v>
      </c>
      <c r="H27" s="12">
        <v>10956765.369999999</v>
      </c>
      <c r="I27" s="12">
        <v>2408945.46</v>
      </c>
      <c r="J27" s="12">
        <v>3597959.63</v>
      </c>
      <c r="K27" s="12">
        <v>7.0000000000000007E-2</v>
      </c>
      <c r="L27" s="12">
        <v>17837040.370000001</v>
      </c>
    </row>
    <row r="28" spans="1:12" x14ac:dyDescent="0.25">
      <c r="A28" s="2" t="s">
        <v>49</v>
      </c>
      <c r="B28" s="4" t="s">
        <v>386</v>
      </c>
      <c r="C28" s="12">
        <v>6204400</v>
      </c>
      <c r="D28" s="12">
        <v>5488900</v>
      </c>
      <c r="E28" s="12">
        <v>835549.41</v>
      </c>
      <c r="F28" s="12">
        <v>1726091.4</v>
      </c>
      <c r="G28" s="12">
        <v>0.02</v>
      </c>
      <c r="H28" s="12">
        <v>3762808.6</v>
      </c>
      <c r="I28" s="12">
        <v>763344.61</v>
      </c>
      <c r="J28" s="12">
        <v>1585840.22</v>
      </c>
      <c r="K28" s="12">
        <v>0.03</v>
      </c>
      <c r="L28" s="12">
        <v>3903059.78</v>
      </c>
    </row>
    <row r="29" spans="1:12" x14ac:dyDescent="0.25">
      <c r="A29" s="2" t="s">
        <v>51</v>
      </c>
      <c r="B29" s="4" t="s">
        <v>391</v>
      </c>
      <c r="C29" s="12">
        <v>174461100</v>
      </c>
      <c r="D29" s="12">
        <v>174459167.03999999</v>
      </c>
      <c r="E29" s="12">
        <v>26297190.379999999</v>
      </c>
      <c r="F29" s="12">
        <v>52726319.159999996</v>
      </c>
      <c r="G29" s="12">
        <v>0.76</v>
      </c>
      <c r="H29" s="12">
        <v>121732847.88</v>
      </c>
      <c r="I29" s="12">
        <v>26136591.609999999</v>
      </c>
      <c r="J29" s="12">
        <v>52412663.399999999</v>
      </c>
      <c r="K29" s="12">
        <v>1</v>
      </c>
      <c r="L29" s="12">
        <v>122046503.64</v>
      </c>
    </row>
    <row r="30" spans="1:12" x14ac:dyDescent="0.25">
      <c r="A30" s="2" t="s">
        <v>53</v>
      </c>
      <c r="B30" s="4" t="s">
        <v>381</v>
      </c>
      <c r="C30" s="12">
        <v>220806900</v>
      </c>
      <c r="D30" s="12">
        <v>220806900</v>
      </c>
      <c r="E30" s="12">
        <v>53644161.509999998</v>
      </c>
      <c r="F30" s="12">
        <v>133021298.75</v>
      </c>
      <c r="G30" s="12">
        <v>1.92</v>
      </c>
      <c r="H30" s="12">
        <v>87785601.25</v>
      </c>
      <c r="I30" s="12">
        <v>53644161.509999998</v>
      </c>
      <c r="J30" s="12">
        <v>133021298.75</v>
      </c>
      <c r="K30" s="12">
        <v>2.54</v>
      </c>
      <c r="L30" s="12">
        <v>87785601.25</v>
      </c>
    </row>
    <row r="31" spans="1:12" x14ac:dyDescent="0.25">
      <c r="A31" s="3" t="s">
        <v>55</v>
      </c>
      <c r="B31" s="5" t="s">
        <v>392</v>
      </c>
      <c r="C31" s="11">
        <v>849267800</v>
      </c>
      <c r="D31" s="11">
        <v>875248516</v>
      </c>
      <c r="E31" s="11">
        <v>145143943.47999999</v>
      </c>
      <c r="F31" s="11">
        <v>307660042.93000001</v>
      </c>
      <c r="G31" s="11">
        <v>4.45</v>
      </c>
      <c r="H31" s="11">
        <v>567588473.07000005</v>
      </c>
      <c r="I31" s="11">
        <v>136923108.61000001</v>
      </c>
      <c r="J31" s="11">
        <v>269590211.47000003</v>
      </c>
      <c r="K31" s="11">
        <v>5.14</v>
      </c>
      <c r="L31" s="11">
        <v>605658304.52999997</v>
      </c>
    </row>
    <row r="32" spans="1:12" x14ac:dyDescent="0.25">
      <c r="A32" s="2" t="s">
        <v>57</v>
      </c>
      <c r="B32" s="4" t="s">
        <v>384</v>
      </c>
      <c r="C32" s="12">
        <v>787052900</v>
      </c>
      <c r="D32" s="12">
        <v>799642954</v>
      </c>
      <c r="E32" s="12">
        <v>140395989.77000001</v>
      </c>
      <c r="F32" s="12">
        <v>298113234.27999997</v>
      </c>
      <c r="G32" s="12">
        <v>4.3099999999999996</v>
      </c>
      <c r="H32" s="12">
        <v>501529719.72000003</v>
      </c>
      <c r="I32" s="12">
        <v>133443034.68000001</v>
      </c>
      <c r="J32" s="12">
        <v>262374714.97999999</v>
      </c>
      <c r="K32" s="12">
        <v>5.01</v>
      </c>
      <c r="L32" s="12">
        <v>537268239.01999998</v>
      </c>
    </row>
    <row r="33" spans="1:12" x14ac:dyDescent="0.25">
      <c r="A33" s="2" t="s">
        <v>59</v>
      </c>
      <c r="B33" s="4" t="s">
        <v>393</v>
      </c>
      <c r="C33" s="12">
        <v>24527500</v>
      </c>
      <c r="D33" s="12">
        <v>24547500</v>
      </c>
      <c r="E33" s="12">
        <v>2245888.4300000002</v>
      </c>
      <c r="F33" s="12">
        <v>2684636.39</v>
      </c>
      <c r="G33" s="12">
        <v>0.04</v>
      </c>
      <c r="H33" s="12">
        <v>21862863.609999999</v>
      </c>
      <c r="I33" s="12">
        <v>496925.92</v>
      </c>
      <c r="J33" s="12">
        <v>641950.92000000004</v>
      </c>
      <c r="K33" s="12">
        <v>0.01</v>
      </c>
      <c r="L33" s="12">
        <v>23905549.079999998</v>
      </c>
    </row>
    <row r="34" spans="1:12" x14ac:dyDescent="0.25">
      <c r="A34" s="2" t="s">
        <v>61</v>
      </c>
      <c r="B34" s="4" t="s">
        <v>394</v>
      </c>
      <c r="C34" s="12">
        <v>13083700</v>
      </c>
      <c r="D34" s="12">
        <v>13110262</v>
      </c>
      <c r="E34" s="12">
        <v>1844122.08</v>
      </c>
      <c r="F34" s="12">
        <v>3936618.23</v>
      </c>
      <c r="G34" s="12">
        <v>0.06</v>
      </c>
      <c r="H34" s="12">
        <v>9173643.7699999996</v>
      </c>
      <c r="I34" s="12">
        <v>1824508.83</v>
      </c>
      <c r="J34" s="12">
        <v>3825184</v>
      </c>
      <c r="K34" s="12">
        <v>7.0000000000000007E-2</v>
      </c>
      <c r="L34" s="12">
        <v>9285078</v>
      </c>
    </row>
    <row r="35" spans="1:12" x14ac:dyDescent="0.25">
      <c r="A35" s="2" t="s">
        <v>63</v>
      </c>
      <c r="B35" s="4" t="s">
        <v>385</v>
      </c>
      <c r="C35" s="12">
        <v>4100</v>
      </c>
      <c r="D35" s="12">
        <v>4100</v>
      </c>
      <c r="E35" s="12">
        <v>0</v>
      </c>
      <c r="F35" s="12">
        <v>0</v>
      </c>
      <c r="G35" s="12">
        <v>0</v>
      </c>
      <c r="H35" s="12">
        <v>4100</v>
      </c>
      <c r="I35" s="12">
        <v>0</v>
      </c>
      <c r="J35" s="12">
        <v>0</v>
      </c>
      <c r="K35" s="12">
        <v>0</v>
      </c>
      <c r="L35" s="12">
        <v>4100</v>
      </c>
    </row>
    <row r="36" spans="1:12" x14ac:dyDescent="0.25">
      <c r="A36" s="2" t="s">
        <v>65</v>
      </c>
      <c r="B36" s="4" t="s">
        <v>386</v>
      </c>
      <c r="C36" s="12">
        <v>11256400</v>
      </c>
      <c r="D36" s="12">
        <v>11256400</v>
      </c>
      <c r="E36" s="12">
        <v>7992</v>
      </c>
      <c r="F36" s="12">
        <v>17640</v>
      </c>
      <c r="G36" s="12">
        <v>0</v>
      </c>
      <c r="H36" s="12">
        <v>11238760</v>
      </c>
      <c r="I36" s="12">
        <v>7992</v>
      </c>
      <c r="J36" s="12">
        <v>17640</v>
      </c>
      <c r="K36" s="12">
        <v>0</v>
      </c>
      <c r="L36" s="12">
        <v>11238760</v>
      </c>
    </row>
    <row r="37" spans="1:12" x14ac:dyDescent="0.25">
      <c r="A37" s="2" t="s">
        <v>67</v>
      </c>
      <c r="B37" s="4" t="s">
        <v>395</v>
      </c>
      <c r="C37" s="12">
        <v>2400</v>
      </c>
      <c r="D37" s="12">
        <v>2400</v>
      </c>
      <c r="E37" s="12">
        <v>0</v>
      </c>
      <c r="F37" s="12">
        <v>0</v>
      </c>
      <c r="G37" s="12">
        <v>0</v>
      </c>
      <c r="H37" s="12">
        <v>2400</v>
      </c>
      <c r="I37" s="12">
        <v>0</v>
      </c>
      <c r="J37" s="12">
        <v>0</v>
      </c>
      <c r="K37" s="12">
        <v>0</v>
      </c>
      <c r="L37" s="12">
        <v>2400</v>
      </c>
    </row>
    <row r="38" spans="1:12" x14ac:dyDescent="0.25">
      <c r="A38" s="2" t="s">
        <v>69</v>
      </c>
      <c r="B38" s="4" t="s">
        <v>396</v>
      </c>
      <c r="C38" s="12">
        <v>13305000</v>
      </c>
      <c r="D38" s="12">
        <v>26649100</v>
      </c>
      <c r="E38" s="12">
        <v>630071.19999999995</v>
      </c>
      <c r="F38" s="12">
        <v>2888034.03</v>
      </c>
      <c r="G38" s="12">
        <v>0.04</v>
      </c>
      <c r="H38" s="12">
        <v>23761065.969999999</v>
      </c>
      <c r="I38" s="12">
        <v>1135747.18</v>
      </c>
      <c r="J38" s="12">
        <v>2715821.57</v>
      </c>
      <c r="K38" s="12">
        <v>0.05</v>
      </c>
      <c r="L38" s="12">
        <v>23933278.43</v>
      </c>
    </row>
    <row r="39" spans="1:12" x14ac:dyDescent="0.25">
      <c r="A39" s="2" t="s">
        <v>71</v>
      </c>
      <c r="B39" s="4" t="s">
        <v>397</v>
      </c>
      <c r="C39" s="12">
        <v>35800</v>
      </c>
      <c r="D39" s="12">
        <v>35800</v>
      </c>
      <c r="E39" s="12">
        <v>19880</v>
      </c>
      <c r="F39" s="12">
        <v>19880</v>
      </c>
      <c r="G39" s="12">
        <v>0</v>
      </c>
      <c r="H39" s="12">
        <v>15920</v>
      </c>
      <c r="I39" s="12">
        <v>14900</v>
      </c>
      <c r="J39" s="12">
        <v>14900</v>
      </c>
      <c r="K39" s="12">
        <v>0</v>
      </c>
      <c r="L39" s="12">
        <v>20900</v>
      </c>
    </row>
    <row r="40" spans="1:12" x14ac:dyDescent="0.25">
      <c r="A40" s="3" t="s">
        <v>73</v>
      </c>
      <c r="B40" s="5" t="s">
        <v>398</v>
      </c>
      <c r="C40" s="11">
        <v>1688466500</v>
      </c>
      <c r="D40" s="11">
        <v>1610574198</v>
      </c>
      <c r="E40" s="11">
        <v>215315873.84</v>
      </c>
      <c r="F40" s="11">
        <v>476917564.00999999</v>
      </c>
      <c r="G40" s="11">
        <v>6.9</v>
      </c>
      <c r="H40" s="11">
        <v>1133656633.99</v>
      </c>
      <c r="I40" s="11">
        <v>200369429.94999999</v>
      </c>
      <c r="J40" s="11">
        <v>410408961.41000003</v>
      </c>
      <c r="K40" s="11">
        <v>7.83</v>
      </c>
      <c r="L40" s="11">
        <v>1200165236.5899999</v>
      </c>
    </row>
    <row r="41" spans="1:12" x14ac:dyDescent="0.25">
      <c r="A41" s="2" t="s">
        <v>75</v>
      </c>
      <c r="B41" s="4" t="s">
        <v>384</v>
      </c>
      <c r="C41" s="12">
        <v>1521094300</v>
      </c>
      <c r="D41" s="12">
        <v>1427229894</v>
      </c>
      <c r="E41" s="12">
        <v>205063204.75</v>
      </c>
      <c r="F41" s="12">
        <v>452907794.26999998</v>
      </c>
      <c r="G41" s="12">
        <v>6.55</v>
      </c>
      <c r="H41" s="12">
        <v>974322099.73000002</v>
      </c>
      <c r="I41" s="12">
        <v>196021563.96000001</v>
      </c>
      <c r="J41" s="12">
        <v>403667171.55000001</v>
      </c>
      <c r="K41" s="12">
        <v>7.7</v>
      </c>
      <c r="L41" s="12">
        <v>1023562722.45</v>
      </c>
    </row>
    <row r="42" spans="1:12" x14ac:dyDescent="0.25">
      <c r="A42" s="2" t="s">
        <v>77</v>
      </c>
      <c r="B42" s="4" t="s">
        <v>399</v>
      </c>
      <c r="C42" s="12">
        <v>167013800</v>
      </c>
      <c r="D42" s="12">
        <v>182986604</v>
      </c>
      <c r="E42" s="12">
        <v>10252669.09</v>
      </c>
      <c r="F42" s="12">
        <v>24009769.739999998</v>
      </c>
      <c r="G42" s="12">
        <v>0.35</v>
      </c>
      <c r="H42" s="12">
        <v>158976834.25999999</v>
      </c>
      <c r="I42" s="12">
        <v>4347865.99</v>
      </c>
      <c r="J42" s="12">
        <v>6741789.8600000003</v>
      </c>
      <c r="K42" s="12">
        <v>0.13</v>
      </c>
      <c r="L42" s="12">
        <v>176244814.13999999</v>
      </c>
    </row>
    <row r="43" spans="1:12" x14ac:dyDescent="0.25">
      <c r="A43" s="2" t="s">
        <v>79</v>
      </c>
      <c r="B43" s="4" t="s">
        <v>400</v>
      </c>
      <c r="C43" s="12">
        <v>500</v>
      </c>
      <c r="D43" s="12">
        <v>0</v>
      </c>
      <c r="E43" s="12">
        <v>0</v>
      </c>
      <c r="F43" s="12">
        <v>0</v>
      </c>
      <c r="G43" s="12">
        <v>0</v>
      </c>
      <c r="H43" s="12">
        <v>0</v>
      </c>
      <c r="I43" s="12">
        <v>0</v>
      </c>
      <c r="J43" s="12">
        <v>0</v>
      </c>
      <c r="K43" s="12">
        <v>0</v>
      </c>
      <c r="L43" s="12">
        <v>0</v>
      </c>
    </row>
    <row r="44" spans="1:12" x14ac:dyDescent="0.25">
      <c r="A44" s="2" t="s">
        <v>81</v>
      </c>
      <c r="B44" s="4" t="s">
        <v>401</v>
      </c>
      <c r="C44" s="12">
        <v>200</v>
      </c>
      <c r="D44" s="12">
        <v>0</v>
      </c>
      <c r="E44" s="12">
        <v>0</v>
      </c>
      <c r="F44" s="12">
        <v>0</v>
      </c>
      <c r="G44" s="12">
        <v>0</v>
      </c>
      <c r="H44" s="12">
        <v>0</v>
      </c>
      <c r="I44" s="12">
        <v>0</v>
      </c>
      <c r="J44" s="12">
        <v>0</v>
      </c>
      <c r="K44" s="12">
        <v>0</v>
      </c>
      <c r="L44" s="12">
        <v>0</v>
      </c>
    </row>
    <row r="45" spans="1:12" x14ac:dyDescent="0.25">
      <c r="A45" s="2" t="s">
        <v>83</v>
      </c>
      <c r="B45" s="4" t="s">
        <v>402</v>
      </c>
      <c r="C45" s="12">
        <v>357700</v>
      </c>
      <c r="D45" s="12">
        <v>357700</v>
      </c>
      <c r="E45" s="12">
        <v>0</v>
      </c>
      <c r="F45" s="12">
        <v>0</v>
      </c>
      <c r="G45" s="12">
        <v>0</v>
      </c>
      <c r="H45" s="12">
        <v>357700</v>
      </c>
      <c r="I45" s="12">
        <v>0</v>
      </c>
      <c r="J45" s="12">
        <v>0</v>
      </c>
      <c r="K45" s="12">
        <v>0</v>
      </c>
      <c r="L45" s="12">
        <v>357700</v>
      </c>
    </row>
    <row r="46" spans="1:12" x14ac:dyDescent="0.25">
      <c r="A46" s="3" t="s">
        <v>85</v>
      </c>
      <c r="B46" s="5" t="s">
        <v>403</v>
      </c>
      <c r="C46" s="11">
        <v>241550900</v>
      </c>
      <c r="D46" s="11">
        <v>233794900</v>
      </c>
      <c r="E46" s="11">
        <v>24096516.719999999</v>
      </c>
      <c r="F46" s="11">
        <v>50649193.25</v>
      </c>
      <c r="G46" s="11">
        <v>0.73</v>
      </c>
      <c r="H46" s="11">
        <v>183145706.75</v>
      </c>
      <c r="I46" s="11">
        <v>23434719.789999999</v>
      </c>
      <c r="J46" s="11">
        <v>46591058.57</v>
      </c>
      <c r="K46" s="11">
        <v>0.89</v>
      </c>
      <c r="L46" s="11">
        <v>187203841.43000001</v>
      </c>
    </row>
    <row r="47" spans="1:12" x14ac:dyDescent="0.25">
      <c r="A47" s="2" t="s">
        <v>87</v>
      </c>
      <c r="B47" s="4" t="s">
        <v>384</v>
      </c>
      <c r="C47" s="12">
        <v>62523900</v>
      </c>
      <c r="D47" s="12">
        <v>54386200</v>
      </c>
      <c r="E47" s="12">
        <v>7918604.04</v>
      </c>
      <c r="F47" s="12">
        <v>16180902.92</v>
      </c>
      <c r="G47" s="12">
        <v>0.23</v>
      </c>
      <c r="H47" s="12">
        <v>38205297.079999998</v>
      </c>
      <c r="I47" s="12">
        <v>7869680.1100000003</v>
      </c>
      <c r="J47" s="12">
        <v>15977314.220000001</v>
      </c>
      <c r="K47" s="12">
        <v>0.3</v>
      </c>
      <c r="L47" s="12">
        <v>38408885.780000001</v>
      </c>
    </row>
    <row r="48" spans="1:12" x14ac:dyDescent="0.25">
      <c r="A48" s="2" t="s">
        <v>89</v>
      </c>
      <c r="B48" s="4" t="s">
        <v>404</v>
      </c>
      <c r="C48" s="12">
        <v>5842000</v>
      </c>
      <c r="D48" s="12">
        <v>5842000</v>
      </c>
      <c r="E48" s="12">
        <v>0</v>
      </c>
      <c r="F48" s="12">
        <v>0</v>
      </c>
      <c r="G48" s="12">
        <v>0</v>
      </c>
      <c r="H48" s="12">
        <v>5842000</v>
      </c>
      <c r="I48" s="12">
        <v>0</v>
      </c>
      <c r="J48" s="12">
        <v>0</v>
      </c>
      <c r="K48" s="12">
        <v>0</v>
      </c>
      <c r="L48" s="12">
        <v>5842000</v>
      </c>
    </row>
    <row r="49" spans="1:12" x14ac:dyDescent="0.25">
      <c r="A49" s="2" t="s">
        <v>91</v>
      </c>
      <c r="B49" s="4" t="s">
        <v>401</v>
      </c>
      <c r="C49" s="12">
        <v>1170900</v>
      </c>
      <c r="D49" s="12">
        <v>1170900</v>
      </c>
      <c r="E49" s="12">
        <v>0</v>
      </c>
      <c r="F49" s="12">
        <v>0</v>
      </c>
      <c r="G49" s="12">
        <v>0</v>
      </c>
      <c r="H49" s="12">
        <v>1170900</v>
      </c>
      <c r="I49" s="12">
        <v>0</v>
      </c>
      <c r="J49" s="12">
        <v>0</v>
      </c>
      <c r="K49" s="12">
        <v>0</v>
      </c>
      <c r="L49" s="12">
        <v>1170900</v>
      </c>
    </row>
    <row r="50" spans="1:12" x14ac:dyDescent="0.25">
      <c r="A50" s="2" t="s">
        <v>93</v>
      </c>
      <c r="B50" s="4" t="s">
        <v>405</v>
      </c>
      <c r="C50" s="12">
        <v>148970100</v>
      </c>
      <c r="D50" s="12">
        <v>149351800</v>
      </c>
      <c r="E50" s="12">
        <v>14215762.48</v>
      </c>
      <c r="F50" s="12">
        <v>30427857.190000001</v>
      </c>
      <c r="G50" s="12">
        <v>0.44</v>
      </c>
      <c r="H50" s="12">
        <v>118923942.81</v>
      </c>
      <c r="I50" s="12">
        <v>14287134.65</v>
      </c>
      <c r="J50" s="12">
        <v>27302980.530000001</v>
      </c>
      <c r="K50" s="12">
        <v>0.52</v>
      </c>
      <c r="L50" s="12">
        <v>122048819.47</v>
      </c>
    </row>
    <row r="51" spans="1:12" x14ac:dyDescent="0.25">
      <c r="A51" s="2" t="s">
        <v>95</v>
      </c>
      <c r="B51" s="4" t="s">
        <v>406</v>
      </c>
      <c r="C51" s="12">
        <v>22000000</v>
      </c>
      <c r="D51" s="12">
        <v>22000000</v>
      </c>
      <c r="E51" s="12">
        <v>1960298.68</v>
      </c>
      <c r="F51" s="12">
        <v>3208887.31</v>
      </c>
      <c r="G51" s="12">
        <v>0.05</v>
      </c>
      <c r="H51" s="12">
        <v>18791112.690000001</v>
      </c>
      <c r="I51" s="12">
        <v>1276058.98</v>
      </c>
      <c r="J51" s="12">
        <v>2479224.27</v>
      </c>
      <c r="K51" s="12">
        <v>0.05</v>
      </c>
      <c r="L51" s="12">
        <v>19520775.73</v>
      </c>
    </row>
    <row r="52" spans="1:12" x14ac:dyDescent="0.25">
      <c r="A52" s="2" t="s">
        <v>97</v>
      </c>
      <c r="B52" s="4" t="s">
        <v>391</v>
      </c>
      <c r="C52" s="12">
        <v>1033200</v>
      </c>
      <c r="D52" s="12">
        <v>1033200</v>
      </c>
      <c r="E52" s="12">
        <v>0</v>
      </c>
      <c r="F52" s="12">
        <v>827850.29</v>
      </c>
      <c r="G52" s="12">
        <v>0.01</v>
      </c>
      <c r="H52" s="12">
        <v>205349.71</v>
      </c>
      <c r="I52" s="12">
        <v>0</v>
      </c>
      <c r="J52" s="12">
        <v>827850.29</v>
      </c>
      <c r="K52" s="12">
        <v>0.02</v>
      </c>
      <c r="L52" s="12">
        <v>205349.71</v>
      </c>
    </row>
    <row r="53" spans="1:12" x14ac:dyDescent="0.25">
      <c r="A53" s="2" t="s">
        <v>99</v>
      </c>
      <c r="B53" s="4" t="s">
        <v>407</v>
      </c>
      <c r="C53" s="12">
        <v>10800</v>
      </c>
      <c r="D53" s="12">
        <v>10800</v>
      </c>
      <c r="E53" s="12">
        <v>1851.52</v>
      </c>
      <c r="F53" s="12">
        <v>3695.54</v>
      </c>
      <c r="G53" s="12">
        <v>0</v>
      </c>
      <c r="H53" s="12">
        <v>7104.46</v>
      </c>
      <c r="I53" s="12">
        <v>1846.05</v>
      </c>
      <c r="J53" s="12">
        <v>3689.26</v>
      </c>
      <c r="K53" s="12">
        <v>0</v>
      </c>
      <c r="L53" s="12">
        <v>7110.74</v>
      </c>
    </row>
    <row r="54" spans="1:12" x14ac:dyDescent="0.25">
      <c r="A54" s="3" t="s">
        <v>101</v>
      </c>
      <c r="B54" s="5" t="s">
        <v>408</v>
      </c>
      <c r="C54" s="11">
        <v>2736295900</v>
      </c>
      <c r="D54" s="11">
        <v>2836295900</v>
      </c>
      <c r="E54" s="11">
        <v>583319478.85000002</v>
      </c>
      <c r="F54" s="11">
        <v>1425720060.5</v>
      </c>
      <c r="G54" s="11">
        <v>20.6</v>
      </c>
      <c r="H54" s="11">
        <v>1410575839.5</v>
      </c>
      <c r="I54" s="11">
        <v>574138779.46000004</v>
      </c>
      <c r="J54" s="11">
        <v>1349748578.3800001</v>
      </c>
      <c r="K54" s="11">
        <v>25.76</v>
      </c>
      <c r="L54" s="11">
        <v>1486547321.6199999</v>
      </c>
    </row>
    <row r="55" spans="1:12" x14ac:dyDescent="0.25">
      <c r="A55" s="2" t="s">
        <v>103</v>
      </c>
      <c r="B55" s="4" t="s">
        <v>396</v>
      </c>
      <c r="C55" s="12">
        <v>2736295900</v>
      </c>
      <c r="D55" s="12">
        <v>2836295900</v>
      </c>
      <c r="E55" s="12">
        <v>583319478.85000002</v>
      </c>
      <c r="F55" s="12">
        <v>1425720060.5</v>
      </c>
      <c r="G55" s="12">
        <v>20.6</v>
      </c>
      <c r="H55" s="12">
        <v>1410575839.5</v>
      </c>
      <c r="I55" s="12">
        <v>574138779.46000004</v>
      </c>
      <c r="J55" s="12">
        <v>1349748578.3800001</v>
      </c>
      <c r="K55" s="12">
        <v>25.76</v>
      </c>
      <c r="L55" s="12">
        <v>1486547321.6199999</v>
      </c>
    </row>
    <row r="56" spans="1:12" x14ac:dyDescent="0.25">
      <c r="A56" s="3" t="s">
        <v>105</v>
      </c>
      <c r="B56" s="5" t="s">
        <v>409</v>
      </c>
      <c r="C56" s="11">
        <v>1601289800</v>
      </c>
      <c r="D56" s="11">
        <v>1724021612.6900001</v>
      </c>
      <c r="E56" s="11">
        <v>278367644.45999998</v>
      </c>
      <c r="F56" s="11">
        <v>529426535.69999999</v>
      </c>
      <c r="G56" s="11">
        <v>7.66</v>
      </c>
      <c r="H56" s="11">
        <v>1194595076.99</v>
      </c>
      <c r="I56" s="11">
        <v>259519486.19</v>
      </c>
      <c r="J56" s="11">
        <v>420684401.05000001</v>
      </c>
      <c r="K56" s="11">
        <v>8.02</v>
      </c>
      <c r="L56" s="11">
        <v>1303337211.6400001</v>
      </c>
    </row>
    <row r="57" spans="1:12" x14ac:dyDescent="0.25">
      <c r="A57" s="2" t="s">
        <v>107</v>
      </c>
      <c r="B57" s="4" t="s">
        <v>384</v>
      </c>
      <c r="C57" s="12">
        <v>361654800</v>
      </c>
      <c r="D57" s="12">
        <v>335794676.07999998</v>
      </c>
      <c r="E57" s="12">
        <v>90282417.040000007</v>
      </c>
      <c r="F57" s="12">
        <v>165444688.15000001</v>
      </c>
      <c r="G57" s="12">
        <v>2.39</v>
      </c>
      <c r="H57" s="12">
        <v>170349987.93000001</v>
      </c>
      <c r="I57" s="12">
        <v>89351210.340000004</v>
      </c>
      <c r="J57" s="12">
        <v>152658316.91999999</v>
      </c>
      <c r="K57" s="12">
        <v>2.91</v>
      </c>
      <c r="L57" s="12">
        <v>183136359.16</v>
      </c>
    </row>
    <row r="58" spans="1:12" x14ac:dyDescent="0.25">
      <c r="A58" s="2" t="s">
        <v>109</v>
      </c>
      <c r="B58" s="4" t="s">
        <v>386</v>
      </c>
      <c r="C58" s="12">
        <v>4797300</v>
      </c>
      <c r="D58" s="12">
        <v>4797300</v>
      </c>
      <c r="E58" s="12">
        <v>332748.18</v>
      </c>
      <c r="F58" s="12">
        <v>1061891.1599999999</v>
      </c>
      <c r="G58" s="12">
        <v>0.02</v>
      </c>
      <c r="H58" s="12">
        <v>3735408.84</v>
      </c>
      <c r="I58" s="12">
        <v>86885.9</v>
      </c>
      <c r="J58" s="12">
        <v>125349.09</v>
      </c>
      <c r="K58" s="12">
        <v>0</v>
      </c>
      <c r="L58" s="12">
        <v>4671950.91</v>
      </c>
    </row>
    <row r="59" spans="1:12" x14ac:dyDescent="0.25">
      <c r="A59" s="2" t="s">
        <v>111</v>
      </c>
      <c r="B59" s="4" t="s">
        <v>410</v>
      </c>
      <c r="C59" s="12">
        <v>69829000</v>
      </c>
      <c r="D59" s="12">
        <v>69829000</v>
      </c>
      <c r="E59" s="12">
        <v>9731997.1300000008</v>
      </c>
      <c r="F59" s="12">
        <v>20963566.129999999</v>
      </c>
      <c r="G59" s="12">
        <v>0.3</v>
      </c>
      <c r="H59" s="12">
        <v>48865433.869999997</v>
      </c>
      <c r="I59" s="12">
        <v>8995267.3100000005</v>
      </c>
      <c r="J59" s="12">
        <v>12896328.199999999</v>
      </c>
      <c r="K59" s="12">
        <v>0.25</v>
      </c>
      <c r="L59" s="12">
        <v>56932671.799999997</v>
      </c>
    </row>
    <row r="60" spans="1:12" x14ac:dyDescent="0.25">
      <c r="A60" s="2" t="s">
        <v>113</v>
      </c>
      <c r="B60" s="4" t="s">
        <v>411</v>
      </c>
      <c r="C60" s="12">
        <v>985422100</v>
      </c>
      <c r="D60" s="12">
        <v>1047891938.61</v>
      </c>
      <c r="E60" s="12">
        <v>132933066.48999999</v>
      </c>
      <c r="F60" s="12">
        <v>271743658.38</v>
      </c>
      <c r="G60" s="12">
        <v>3.93</v>
      </c>
      <c r="H60" s="12">
        <v>776148280.23000002</v>
      </c>
      <c r="I60" s="12">
        <v>123705840.93000001</v>
      </c>
      <c r="J60" s="12">
        <v>203233407.44999999</v>
      </c>
      <c r="K60" s="12">
        <v>3.88</v>
      </c>
      <c r="L60" s="12">
        <v>844658531.15999997</v>
      </c>
    </row>
    <row r="61" spans="1:12" x14ac:dyDescent="0.25">
      <c r="A61" s="2" t="s">
        <v>115</v>
      </c>
      <c r="B61" s="4" t="s">
        <v>412</v>
      </c>
      <c r="C61" s="12">
        <v>92524600</v>
      </c>
      <c r="D61" s="12">
        <v>96486239</v>
      </c>
      <c r="E61" s="12">
        <v>17870813.030000001</v>
      </c>
      <c r="F61" s="12">
        <v>24771874.690000001</v>
      </c>
      <c r="G61" s="12">
        <v>0.36</v>
      </c>
      <c r="H61" s="12">
        <v>71714364.310000002</v>
      </c>
      <c r="I61" s="12">
        <v>12007114.5</v>
      </c>
      <c r="J61" s="12">
        <v>16372816.48</v>
      </c>
      <c r="K61" s="12">
        <v>0.31</v>
      </c>
      <c r="L61" s="12">
        <v>80113422.519999996</v>
      </c>
    </row>
    <row r="62" spans="1:12" x14ac:dyDescent="0.25">
      <c r="A62" s="2" t="s">
        <v>117</v>
      </c>
      <c r="B62" s="4" t="s">
        <v>413</v>
      </c>
      <c r="C62" s="12">
        <v>2631900</v>
      </c>
      <c r="D62" s="12">
        <v>2631900</v>
      </c>
      <c r="E62" s="12">
        <v>46229.16</v>
      </c>
      <c r="F62" s="12">
        <v>62458.32</v>
      </c>
      <c r="G62" s="12">
        <v>0</v>
      </c>
      <c r="H62" s="12">
        <v>2569441.6800000002</v>
      </c>
      <c r="I62" s="12">
        <v>18804.11</v>
      </c>
      <c r="J62" s="12">
        <v>18804.11</v>
      </c>
      <c r="K62" s="12">
        <v>0</v>
      </c>
      <c r="L62" s="12">
        <v>2613095.89</v>
      </c>
    </row>
    <row r="63" spans="1:12" x14ac:dyDescent="0.25">
      <c r="A63" s="2" t="s">
        <v>119</v>
      </c>
      <c r="B63" s="4" t="s">
        <v>414</v>
      </c>
      <c r="C63" s="12">
        <v>48339700</v>
      </c>
      <c r="D63" s="12">
        <v>130495695</v>
      </c>
      <c r="E63" s="12">
        <v>21374880.260000002</v>
      </c>
      <c r="F63" s="12">
        <v>33654575.509999998</v>
      </c>
      <c r="G63" s="12">
        <v>0.49</v>
      </c>
      <c r="H63" s="12">
        <v>96841119.489999995</v>
      </c>
      <c r="I63" s="12">
        <v>19572145.190000001</v>
      </c>
      <c r="J63" s="12">
        <v>26688731.559999999</v>
      </c>
      <c r="K63" s="12">
        <v>0.51</v>
      </c>
      <c r="L63" s="12">
        <v>103806963.44</v>
      </c>
    </row>
    <row r="64" spans="1:12" x14ac:dyDescent="0.25">
      <c r="A64" s="2" t="s">
        <v>120</v>
      </c>
      <c r="B64" s="4" t="s">
        <v>415</v>
      </c>
      <c r="C64" s="12">
        <v>34670700</v>
      </c>
      <c r="D64" s="12">
        <v>34670700</v>
      </c>
      <c r="E64" s="12">
        <v>5716864.8799999999</v>
      </c>
      <c r="F64" s="12">
        <v>11427217.119999999</v>
      </c>
      <c r="G64" s="12">
        <v>0.17</v>
      </c>
      <c r="H64" s="12">
        <v>23243482.879999999</v>
      </c>
      <c r="I64" s="12">
        <v>5716864.8799999999</v>
      </c>
      <c r="J64" s="12">
        <v>8560041</v>
      </c>
      <c r="K64" s="12">
        <v>0.16</v>
      </c>
      <c r="L64" s="12">
        <v>26110659</v>
      </c>
    </row>
    <row r="65" spans="1:12" x14ac:dyDescent="0.25">
      <c r="A65" s="2" t="s">
        <v>121</v>
      </c>
      <c r="B65" s="4" t="s">
        <v>416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  <c r="J65" s="12">
        <v>0</v>
      </c>
      <c r="K65" s="12">
        <v>0</v>
      </c>
      <c r="L65" s="12">
        <v>0</v>
      </c>
    </row>
    <row r="66" spans="1:12" x14ac:dyDescent="0.25">
      <c r="A66" s="2" t="s">
        <v>122</v>
      </c>
      <c r="B66" s="4" t="s">
        <v>391</v>
      </c>
      <c r="C66" s="12">
        <v>1031000</v>
      </c>
      <c r="D66" s="12">
        <v>1031000</v>
      </c>
      <c r="E66" s="12">
        <v>14000</v>
      </c>
      <c r="F66" s="12">
        <v>166000</v>
      </c>
      <c r="G66" s="12">
        <v>0</v>
      </c>
      <c r="H66" s="12">
        <v>865000</v>
      </c>
      <c r="I66" s="12">
        <v>0</v>
      </c>
      <c r="J66" s="12">
        <v>0</v>
      </c>
      <c r="K66" s="12">
        <v>0</v>
      </c>
      <c r="L66" s="12">
        <v>1031000</v>
      </c>
    </row>
    <row r="67" spans="1:12" x14ac:dyDescent="0.25">
      <c r="A67" s="2" t="s">
        <v>123</v>
      </c>
      <c r="B67" s="4" t="s">
        <v>407</v>
      </c>
      <c r="C67" s="12">
        <v>388700</v>
      </c>
      <c r="D67" s="12">
        <v>393164</v>
      </c>
      <c r="E67" s="12">
        <v>64628.29</v>
      </c>
      <c r="F67" s="12">
        <v>130606.24</v>
      </c>
      <c r="G67" s="12">
        <v>0</v>
      </c>
      <c r="H67" s="12">
        <v>262557.76</v>
      </c>
      <c r="I67" s="12">
        <v>65353.03</v>
      </c>
      <c r="J67" s="12">
        <v>130606.24</v>
      </c>
      <c r="K67" s="12">
        <v>0</v>
      </c>
      <c r="L67" s="12">
        <v>262557.76</v>
      </c>
    </row>
    <row r="68" spans="1:12" x14ac:dyDescent="0.25">
      <c r="A68" s="3" t="s">
        <v>124</v>
      </c>
      <c r="B68" s="5" t="s">
        <v>417</v>
      </c>
      <c r="C68" s="11">
        <v>10527800</v>
      </c>
      <c r="D68" s="11">
        <v>11571700</v>
      </c>
      <c r="E68" s="11">
        <v>1541007.34</v>
      </c>
      <c r="F68" s="11">
        <v>3654385.26</v>
      </c>
      <c r="G68" s="11">
        <v>0.05</v>
      </c>
      <c r="H68" s="11">
        <v>7917314.7400000002</v>
      </c>
      <c r="I68" s="11">
        <v>1495852.81</v>
      </c>
      <c r="J68" s="11">
        <v>3439279.41</v>
      </c>
      <c r="K68" s="11">
        <v>7.0000000000000007E-2</v>
      </c>
      <c r="L68" s="11">
        <v>8132420.5899999999</v>
      </c>
    </row>
    <row r="69" spans="1:12" x14ac:dyDescent="0.25">
      <c r="A69" s="2" t="s">
        <v>125</v>
      </c>
      <c r="B69" s="4" t="s">
        <v>384</v>
      </c>
      <c r="C69" s="12">
        <v>10178200</v>
      </c>
      <c r="D69" s="12">
        <v>11212100</v>
      </c>
      <c r="E69" s="12">
        <v>1530849.84</v>
      </c>
      <c r="F69" s="12">
        <v>3634085.83</v>
      </c>
      <c r="G69" s="12">
        <v>0.05</v>
      </c>
      <c r="H69" s="12">
        <v>7578014.1699999999</v>
      </c>
      <c r="I69" s="12">
        <v>1485695.31</v>
      </c>
      <c r="J69" s="12">
        <v>3418979.98</v>
      </c>
      <c r="K69" s="12">
        <v>7.0000000000000007E-2</v>
      </c>
      <c r="L69" s="12">
        <v>7793120.0199999996</v>
      </c>
    </row>
    <row r="70" spans="1:12" x14ac:dyDescent="0.25">
      <c r="A70" s="2" t="s">
        <v>126</v>
      </c>
      <c r="B70" s="4" t="s">
        <v>418</v>
      </c>
      <c r="C70" s="12">
        <v>289300</v>
      </c>
      <c r="D70" s="12">
        <v>299300</v>
      </c>
      <c r="E70" s="12">
        <v>0</v>
      </c>
      <c r="F70" s="12">
        <v>0</v>
      </c>
      <c r="G70" s="12">
        <v>0</v>
      </c>
      <c r="H70" s="12">
        <v>299300</v>
      </c>
      <c r="I70" s="12">
        <v>0</v>
      </c>
      <c r="J70" s="12">
        <v>0</v>
      </c>
      <c r="K70" s="12">
        <v>0</v>
      </c>
      <c r="L70" s="12">
        <v>299300</v>
      </c>
    </row>
    <row r="71" spans="1:12" x14ac:dyDescent="0.25">
      <c r="A71" s="2" t="s">
        <v>127</v>
      </c>
      <c r="B71" s="4" t="s">
        <v>407</v>
      </c>
      <c r="C71" s="12">
        <v>60300</v>
      </c>
      <c r="D71" s="12">
        <v>60300</v>
      </c>
      <c r="E71" s="12">
        <v>10157.5</v>
      </c>
      <c r="F71" s="12">
        <v>20299.43</v>
      </c>
      <c r="G71" s="12">
        <v>0</v>
      </c>
      <c r="H71" s="12">
        <v>40000.57</v>
      </c>
      <c r="I71" s="12">
        <v>10157.5</v>
      </c>
      <c r="J71" s="12">
        <v>20299.43</v>
      </c>
      <c r="K71" s="12">
        <v>0</v>
      </c>
      <c r="L71" s="12">
        <v>40000.57</v>
      </c>
    </row>
    <row r="72" spans="1:12" x14ac:dyDescent="0.25">
      <c r="A72" s="3" t="s">
        <v>129</v>
      </c>
      <c r="B72" s="5" t="s">
        <v>419</v>
      </c>
      <c r="C72" s="11">
        <v>1951359600</v>
      </c>
      <c r="D72" s="11">
        <v>2022824190.6199999</v>
      </c>
      <c r="E72" s="11">
        <v>295095569.42000002</v>
      </c>
      <c r="F72" s="11">
        <v>646014761.54999995</v>
      </c>
      <c r="G72" s="11">
        <v>9.34</v>
      </c>
      <c r="H72" s="11">
        <v>1376809429.0699999</v>
      </c>
      <c r="I72" s="11">
        <v>278150912.77999997</v>
      </c>
      <c r="J72" s="11">
        <v>549013510.75999999</v>
      </c>
      <c r="K72" s="11">
        <v>10.48</v>
      </c>
      <c r="L72" s="11">
        <v>1473810679.8599999</v>
      </c>
    </row>
    <row r="73" spans="1:12" x14ac:dyDescent="0.25">
      <c r="A73" s="2" t="s">
        <v>131</v>
      </c>
      <c r="B73" s="4" t="s">
        <v>384</v>
      </c>
      <c r="C73" s="12">
        <v>1479256100</v>
      </c>
      <c r="D73" s="12">
        <v>1502531490.6199999</v>
      </c>
      <c r="E73" s="12">
        <v>249915079.37</v>
      </c>
      <c r="F73" s="12">
        <v>507370911.00999999</v>
      </c>
      <c r="G73" s="12">
        <v>7.33</v>
      </c>
      <c r="H73" s="12">
        <v>995160579.61000001</v>
      </c>
      <c r="I73" s="12">
        <v>244981405.5</v>
      </c>
      <c r="J73" s="12">
        <v>492787129.02999997</v>
      </c>
      <c r="K73" s="12">
        <v>9.4</v>
      </c>
      <c r="L73" s="12">
        <v>1009744361.59</v>
      </c>
    </row>
    <row r="74" spans="1:12" x14ac:dyDescent="0.25">
      <c r="A74" s="2" t="s">
        <v>133</v>
      </c>
      <c r="B74" s="4" t="s">
        <v>420</v>
      </c>
      <c r="C74" s="12">
        <v>10570400</v>
      </c>
      <c r="D74" s="12">
        <v>7270400</v>
      </c>
      <c r="E74" s="12">
        <v>282162.59999999998</v>
      </c>
      <c r="F74" s="12">
        <v>455011.43</v>
      </c>
      <c r="G74" s="12">
        <v>0.01</v>
      </c>
      <c r="H74" s="12">
        <v>6815388.5700000003</v>
      </c>
      <c r="I74" s="12">
        <v>188108.4</v>
      </c>
      <c r="J74" s="12">
        <v>360957.23</v>
      </c>
      <c r="K74" s="12">
        <v>0.01</v>
      </c>
      <c r="L74" s="12">
        <v>6909442.7699999996</v>
      </c>
    </row>
    <row r="75" spans="1:12" x14ac:dyDescent="0.25">
      <c r="A75" s="2" t="s">
        <v>135</v>
      </c>
      <c r="B75" s="4" t="s">
        <v>421</v>
      </c>
      <c r="C75" s="12">
        <v>21377600</v>
      </c>
      <c r="D75" s="12">
        <v>22089193</v>
      </c>
      <c r="E75" s="12">
        <v>364857.83</v>
      </c>
      <c r="F75" s="12">
        <v>7552733.5300000003</v>
      </c>
      <c r="G75" s="12">
        <v>0.11</v>
      </c>
      <c r="H75" s="12">
        <v>14536459.470000001</v>
      </c>
      <c r="I75" s="12">
        <v>6850945.9299999997</v>
      </c>
      <c r="J75" s="12">
        <v>7543825.9299999997</v>
      </c>
      <c r="K75" s="12">
        <v>0.14000000000000001</v>
      </c>
      <c r="L75" s="12">
        <v>14545367.07</v>
      </c>
    </row>
    <row r="76" spans="1:12" x14ac:dyDescent="0.25">
      <c r="A76" s="2" t="s">
        <v>137</v>
      </c>
      <c r="B76" s="4" t="s">
        <v>422</v>
      </c>
      <c r="C76" s="12">
        <v>52575300</v>
      </c>
      <c r="D76" s="12">
        <v>43027600</v>
      </c>
      <c r="E76" s="12">
        <v>733112.97</v>
      </c>
      <c r="F76" s="12">
        <v>1010364.97</v>
      </c>
      <c r="G76" s="12">
        <v>0.01</v>
      </c>
      <c r="H76" s="12">
        <v>42017235.030000001</v>
      </c>
      <c r="I76" s="12">
        <v>478574.42</v>
      </c>
      <c r="J76" s="12">
        <v>668641.35</v>
      </c>
      <c r="K76" s="12">
        <v>0.01</v>
      </c>
      <c r="L76" s="12">
        <v>42358958.649999999</v>
      </c>
    </row>
    <row r="77" spans="1:12" x14ac:dyDescent="0.25">
      <c r="A77" s="2" t="s">
        <v>139</v>
      </c>
      <c r="B77" s="4" t="s">
        <v>406</v>
      </c>
      <c r="C77" s="12">
        <v>28482800</v>
      </c>
      <c r="D77" s="12">
        <v>28948000</v>
      </c>
      <c r="E77" s="12">
        <v>1327528.44</v>
      </c>
      <c r="F77" s="12">
        <v>3964219.66</v>
      </c>
      <c r="G77" s="12">
        <v>0.06</v>
      </c>
      <c r="H77" s="12">
        <v>24983780.34</v>
      </c>
      <c r="I77" s="12">
        <v>987707.04</v>
      </c>
      <c r="J77" s="12">
        <v>3009262.04</v>
      </c>
      <c r="K77" s="12">
        <v>0.06</v>
      </c>
      <c r="L77" s="12">
        <v>25938737.960000001</v>
      </c>
    </row>
    <row r="78" spans="1:12" x14ac:dyDescent="0.25">
      <c r="A78" s="2" t="s">
        <v>141</v>
      </c>
      <c r="B78" s="4" t="s">
        <v>423</v>
      </c>
      <c r="C78" s="12">
        <v>4316600</v>
      </c>
      <c r="D78" s="12">
        <v>4316600</v>
      </c>
      <c r="E78" s="12">
        <v>0</v>
      </c>
      <c r="F78" s="12">
        <v>0</v>
      </c>
      <c r="G78" s="12">
        <v>0</v>
      </c>
      <c r="H78" s="12">
        <v>4316600</v>
      </c>
      <c r="I78" s="12">
        <v>0</v>
      </c>
      <c r="J78" s="12">
        <v>0</v>
      </c>
      <c r="K78" s="12">
        <v>0</v>
      </c>
      <c r="L78" s="12">
        <v>4316600</v>
      </c>
    </row>
    <row r="79" spans="1:12" x14ac:dyDescent="0.25">
      <c r="A79" s="2" t="s">
        <v>143</v>
      </c>
      <c r="B79" s="4" t="s">
        <v>424</v>
      </c>
      <c r="C79" s="12">
        <v>13712900</v>
      </c>
      <c r="D79" s="12">
        <v>13712900</v>
      </c>
      <c r="E79" s="12">
        <v>301713.40999999997</v>
      </c>
      <c r="F79" s="12">
        <v>1560785.73</v>
      </c>
      <c r="G79" s="12">
        <v>0.02</v>
      </c>
      <c r="H79" s="12">
        <v>12152114.27</v>
      </c>
      <c r="I79" s="12">
        <v>298313.40999999997</v>
      </c>
      <c r="J79" s="12">
        <v>1557385.73</v>
      </c>
      <c r="K79" s="12">
        <v>0.03</v>
      </c>
      <c r="L79" s="12">
        <v>12155514.27</v>
      </c>
    </row>
    <row r="80" spans="1:12" x14ac:dyDescent="0.25">
      <c r="A80" s="2" t="s">
        <v>145</v>
      </c>
      <c r="B80" s="4" t="s">
        <v>425</v>
      </c>
      <c r="C80" s="12">
        <v>319908600</v>
      </c>
      <c r="D80" s="12">
        <v>372844707</v>
      </c>
      <c r="E80" s="12">
        <v>40026584.840000004</v>
      </c>
      <c r="F80" s="12">
        <v>119465586.26000001</v>
      </c>
      <c r="G80" s="12">
        <v>1.73</v>
      </c>
      <c r="H80" s="12">
        <v>253379120.74000001</v>
      </c>
      <c r="I80" s="12">
        <v>22229730.260000002</v>
      </c>
      <c r="J80" s="12">
        <v>39044824.420000002</v>
      </c>
      <c r="K80" s="12">
        <v>0.75</v>
      </c>
      <c r="L80" s="12">
        <v>333799882.57999998</v>
      </c>
    </row>
    <row r="81" spans="1:12" x14ac:dyDescent="0.25">
      <c r="A81" s="2" t="s">
        <v>147</v>
      </c>
      <c r="B81" s="4" t="s">
        <v>426</v>
      </c>
      <c r="C81" s="12">
        <v>10888300</v>
      </c>
      <c r="D81" s="12">
        <v>17812300</v>
      </c>
      <c r="E81" s="12">
        <v>712722.82</v>
      </c>
      <c r="F81" s="12">
        <v>1740522.83</v>
      </c>
      <c r="G81" s="12">
        <v>0.03</v>
      </c>
      <c r="H81" s="12">
        <v>16071777.17</v>
      </c>
      <c r="I81" s="12">
        <v>704320.68</v>
      </c>
      <c r="J81" s="12">
        <v>1146858.8999999999</v>
      </c>
      <c r="K81" s="12">
        <v>0.02</v>
      </c>
      <c r="L81" s="12">
        <v>16665441.1</v>
      </c>
    </row>
    <row r="82" spans="1:12" x14ac:dyDescent="0.25">
      <c r="A82" s="2" t="s">
        <v>149</v>
      </c>
      <c r="B82" s="4" t="s">
        <v>407</v>
      </c>
      <c r="C82" s="12">
        <v>10271000</v>
      </c>
      <c r="D82" s="12">
        <v>10271000</v>
      </c>
      <c r="E82" s="12">
        <v>1431807.14</v>
      </c>
      <c r="F82" s="12">
        <v>2894626.13</v>
      </c>
      <c r="G82" s="12">
        <v>0.04</v>
      </c>
      <c r="H82" s="12">
        <v>7376373.8700000001</v>
      </c>
      <c r="I82" s="12">
        <v>1431807.14</v>
      </c>
      <c r="J82" s="12">
        <v>2894626.13</v>
      </c>
      <c r="K82" s="12">
        <v>0.06</v>
      </c>
      <c r="L82" s="12">
        <v>7376373.8700000001</v>
      </c>
    </row>
    <row r="83" spans="1:12" x14ac:dyDescent="0.25">
      <c r="A83" s="3" t="s">
        <v>151</v>
      </c>
      <c r="B83" s="5" t="s">
        <v>427</v>
      </c>
      <c r="C83" s="11">
        <v>45372700</v>
      </c>
      <c r="D83" s="11">
        <v>50672700</v>
      </c>
      <c r="E83" s="11">
        <v>3626807.36</v>
      </c>
      <c r="F83" s="11">
        <v>9862464.6099999994</v>
      </c>
      <c r="G83" s="11">
        <v>0.14000000000000001</v>
      </c>
      <c r="H83" s="11">
        <v>40810235.390000001</v>
      </c>
      <c r="I83" s="11">
        <v>4820793.72</v>
      </c>
      <c r="J83" s="11">
        <v>9599603.25</v>
      </c>
      <c r="K83" s="11">
        <v>0.19</v>
      </c>
      <c r="L83" s="11">
        <v>41073096.75</v>
      </c>
    </row>
    <row r="84" spans="1:12" x14ac:dyDescent="0.25">
      <c r="A84" s="2" t="s">
        <v>152</v>
      </c>
      <c r="B84" s="4" t="s">
        <v>384</v>
      </c>
      <c r="C84" s="12">
        <v>21707800</v>
      </c>
      <c r="D84" s="12">
        <v>21707800</v>
      </c>
      <c r="E84" s="12">
        <v>2767719.21</v>
      </c>
      <c r="F84" s="12">
        <v>6623887.1699999999</v>
      </c>
      <c r="G84" s="12">
        <v>0.1</v>
      </c>
      <c r="H84" s="12">
        <v>15083912.83</v>
      </c>
      <c r="I84" s="12">
        <v>2860266.62</v>
      </c>
      <c r="J84" s="12">
        <v>6568776.71</v>
      </c>
      <c r="K84" s="12">
        <v>0.13</v>
      </c>
      <c r="L84" s="12">
        <v>15139023.289999999</v>
      </c>
    </row>
    <row r="85" spans="1:12" x14ac:dyDescent="0.25">
      <c r="A85" s="2" t="s">
        <v>153</v>
      </c>
      <c r="B85" s="4" t="s">
        <v>428</v>
      </c>
      <c r="C85" s="12">
        <v>12000000</v>
      </c>
      <c r="D85" s="12">
        <v>12333581.380000001</v>
      </c>
      <c r="E85" s="12">
        <v>0</v>
      </c>
      <c r="F85" s="12">
        <v>244412.82</v>
      </c>
      <c r="G85" s="12">
        <v>0</v>
      </c>
      <c r="H85" s="12">
        <v>12089168.560000001</v>
      </c>
      <c r="I85" s="12">
        <v>36661.919999999998</v>
      </c>
      <c r="J85" s="12">
        <v>36661.919999999998</v>
      </c>
      <c r="K85" s="12">
        <v>0</v>
      </c>
      <c r="L85" s="12">
        <v>12296919.460000001</v>
      </c>
    </row>
    <row r="86" spans="1:12" x14ac:dyDescent="0.25">
      <c r="A86" s="2" t="s">
        <v>155</v>
      </c>
      <c r="B86" s="4" t="s">
        <v>429</v>
      </c>
      <c r="C86" s="12">
        <v>11654900</v>
      </c>
      <c r="D86" s="12">
        <v>16621318.619999999</v>
      </c>
      <c r="E86" s="12">
        <v>859088.15</v>
      </c>
      <c r="F86" s="12">
        <v>2994164.62</v>
      </c>
      <c r="G86" s="12">
        <v>0.04</v>
      </c>
      <c r="H86" s="12">
        <v>13627154</v>
      </c>
      <c r="I86" s="12">
        <v>1923865.18</v>
      </c>
      <c r="J86" s="12">
        <v>2994164.62</v>
      </c>
      <c r="K86" s="12">
        <v>0.06</v>
      </c>
      <c r="L86" s="12">
        <v>13627154</v>
      </c>
    </row>
    <row r="87" spans="1:12" x14ac:dyDescent="0.25">
      <c r="A87" s="2" t="s">
        <v>157</v>
      </c>
      <c r="B87" s="4" t="s">
        <v>391</v>
      </c>
      <c r="C87" s="12">
        <v>10000</v>
      </c>
      <c r="D87" s="12">
        <v>10000</v>
      </c>
      <c r="E87" s="12">
        <v>0</v>
      </c>
      <c r="F87" s="12">
        <v>0</v>
      </c>
      <c r="G87" s="12">
        <v>0</v>
      </c>
      <c r="H87" s="12">
        <v>10000</v>
      </c>
      <c r="I87" s="12">
        <v>0</v>
      </c>
      <c r="J87" s="12">
        <v>0</v>
      </c>
      <c r="K87" s="12">
        <v>0</v>
      </c>
      <c r="L87" s="12">
        <v>10000</v>
      </c>
    </row>
    <row r="88" spans="1:12" x14ac:dyDescent="0.25">
      <c r="A88" s="3" t="s">
        <v>159</v>
      </c>
      <c r="B88" s="5" t="s">
        <v>430</v>
      </c>
      <c r="C88" s="11">
        <v>323239300</v>
      </c>
      <c r="D88" s="11">
        <v>323372493</v>
      </c>
      <c r="E88" s="11">
        <v>53030371.659999996</v>
      </c>
      <c r="F88" s="11">
        <v>128400942.31</v>
      </c>
      <c r="G88" s="11">
        <v>1.86</v>
      </c>
      <c r="H88" s="11">
        <v>194971550.69</v>
      </c>
      <c r="I88" s="11">
        <v>49751536.170000002</v>
      </c>
      <c r="J88" s="11">
        <v>113205034.23</v>
      </c>
      <c r="K88" s="11">
        <v>2.16</v>
      </c>
      <c r="L88" s="11">
        <v>210167458.77000001</v>
      </c>
    </row>
    <row r="89" spans="1:12" x14ac:dyDescent="0.25">
      <c r="A89" s="2" t="s">
        <v>161</v>
      </c>
      <c r="B89" s="4" t="s">
        <v>395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  <c r="J89" s="12">
        <v>0</v>
      </c>
      <c r="K89" s="12">
        <v>0</v>
      </c>
      <c r="L89" s="12">
        <v>0</v>
      </c>
    </row>
    <row r="90" spans="1:12" x14ac:dyDescent="0.25">
      <c r="A90" s="2" t="s">
        <v>163</v>
      </c>
      <c r="B90" s="4" t="s">
        <v>402</v>
      </c>
      <c r="C90" s="12">
        <v>313369500</v>
      </c>
      <c r="D90" s="12">
        <v>313225693</v>
      </c>
      <c r="E90" s="12">
        <v>52264367.329999998</v>
      </c>
      <c r="F90" s="12">
        <v>126668284.51000001</v>
      </c>
      <c r="G90" s="12">
        <v>1.83</v>
      </c>
      <c r="H90" s="12">
        <v>186557408.49000001</v>
      </c>
      <c r="I90" s="12">
        <v>49042820.450000003</v>
      </c>
      <c r="J90" s="12">
        <v>111678851.08</v>
      </c>
      <c r="K90" s="12">
        <v>2.13</v>
      </c>
      <c r="L90" s="12">
        <v>201546841.91999999</v>
      </c>
    </row>
    <row r="91" spans="1:12" x14ac:dyDescent="0.25">
      <c r="A91" s="2" t="s">
        <v>176</v>
      </c>
      <c r="B91" s="4" t="s">
        <v>391</v>
      </c>
      <c r="C91" s="12">
        <v>9340000</v>
      </c>
      <c r="D91" s="12">
        <v>9617000</v>
      </c>
      <c r="E91" s="12">
        <v>766004.33</v>
      </c>
      <c r="F91" s="12">
        <v>1732657.8</v>
      </c>
      <c r="G91" s="12">
        <v>0.03</v>
      </c>
      <c r="H91" s="12">
        <v>7884342.2000000002</v>
      </c>
      <c r="I91" s="12">
        <v>708715.72</v>
      </c>
      <c r="J91" s="12">
        <v>1526183.15</v>
      </c>
      <c r="K91" s="12">
        <v>0.03</v>
      </c>
      <c r="L91" s="12">
        <v>8090816.8499999996</v>
      </c>
    </row>
    <row r="92" spans="1:12" x14ac:dyDescent="0.25">
      <c r="A92" s="2" t="s">
        <v>178</v>
      </c>
      <c r="B92" s="4" t="s">
        <v>431</v>
      </c>
      <c r="C92" s="12">
        <v>529800</v>
      </c>
      <c r="D92" s="12">
        <v>529800</v>
      </c>
      <c r="E92" s="12">
        <v>0</v>
      </c>
      <c r="F92" s="12">
        <v>0</v>
      </c>
      <c r="G92" s="12">
        <v>0</v>
      </c>
      <c r="H92" s="12">
        <v>529800</v>
      </c>
      <c r="I92" s="12">
        <v>0</v>
      </c>
      <c r="J92" s="12">
        <v>0</v>
      </c>
      <c r="K92" s="12">
        <v>0</v>
      </c>
      <c r="L92" s="12">
        <v>529800</v>
      </c>
    </row>
    <row r="93" spans="1:12" x14ac:dyDescent="0.25">
      <c r="A93" s="3" t="s">
        <v>180</v>
      </c>
      <c r="B93" s="5" t="s">
        <v>432</v>
      </c>
      <c r="C93" s="11">
        <v>0</v>
      </c>
      <c r="D93" s="11">
        <v>0</v>
      </c>
      <c r="E93" s="11">
        <v>0</v>
      </c>
      <c r="F93" s="11">
        <v>0</v>
      </c>
      <c r="G93" s="11">
        <v>0</v>
      </c>
      <c r="H93" s="11">
        <v>0</v>
      </c>
      <c r="I93" s="11">
        <v>0</v>
      </c>
      <c r="J93" s="11">
        <v>0</v>
      </c>
      <c r="K93" s="11">
        <v>0</v>
      </c>
      <c r="L93" s="11">
        <v>0</v>
      </c>
    </row>
    <row r="94" spans="1:12" x14ac:dyDescent="0.25">
      <c r="A94" s="2" t="s">
        <v>182</v>
      </c>
      <c r="B94" s="4" t="s">
        <v>433</v>
      </c>
      <c r="C94" s="12">
        <v>0</v>
      </c>
      <c r="D94" s="12">
        <v>0</v>
      </c>
      <c r="E94" s="12">
        <v>0</v>
      </c>
      <c r="F94" s="12">
        <v>0</v>
      </c>
      <c r="G94" s="12">
        <v>0</v>
      </c>
      <c r="H94" s="12">
        <v>0</v>
      </c>
      <c r="I94" s="12">
        <v>0</v>
      </c>
      <c r="J94" s="12">
        <v>0</v>
      </c>
      <c r="K94" s="12">
        <v>0</v>
      </c>
      <c r="L94" s="12">
        <v>0</v>
      </c>
    </row>
    <row r="95" spans="1:12" x14ac:dyDescent="0.25">
      <c r="A95" s="3" t="s">
        <v>184</v>
      </c>
      <c r="B95" s="5" t="s">
        <v>434</v>
      </c>
      <c r="C95" s="11">
        <v>24190000</v>
      </c>
      <c r="D95" s="11">
        <v>36696118</v>
      </c>
      <c r="E95" s="11">
        <v>1966662.62</v>
      </c>
      <c r="F95" s="11">
        <v>11437457.859999999</v>
      </c>
      <c r="G95" s="11">
        <v>0.17</v>
      </c>
      <c r="H95" s="11">
        <v>25258660.140000001</v>
      </c>
      <c r="I95" s="11">
        <v>2460138.8199999998</v>
      </c>
      <c r="J95" s="11">
        <v>4921349.8600000003</v>
      </c>
      <c r="K95" s="11">
        <v>0.1</v>
      </c>
      <c r="L95" s="11">
        <v>31774768.140000001</v>
      </c>
    </row>
    <row r="96" spans="1:12" x14ac:dyDescent="0.25">
      <c r="A96" s="2" t="s">
        <v>186</v>
      </c>
      <c r="B96" s="4" t="s">
        <v>384</v>
      </c>
      <c r="C96" s="12">
        <v>11935800</v>
      </c>
      <c r="D96" s="12">
        <v>13259200</v>
      </c>
      <c r="E96" s="12">
        <v>1486356.76</v>
      </c>
      <c r="F96" s="12">
        <v>3395865.32</v>
      </c>
      <c r="G96" s="12">
        <v>0.05</v>
      </c>
      <c r="H96" s="12">
        <v>9863334.6799999997</v>
      </c>
      <c r="I96" s="12">
        <v>1477723.22</v>
      </c>
      <c r="J96" s="12">
        <v>3012311.61</v>
      </c>
      <c r="K96" s="12">
        <v>0.06</v>
      </c>
      <c r="L96" s="12">
        <v>10246888.390000001</v>
      </c>
    </row>
    <row r="97" spans="1:12" x14ac:dyDescent="0.25">
      <c r="A97" s="2" t="s">
        <v>188</v>
      </c>
      <c r="B97" s="4" t="s">
        <v>393</v>
      </c>
      <c r="C97" s="12">
        <v>1000</v>
      </c>
      <c r="D97" s="12">
        <v>1000</v>
      </c>
      <c r="E97" s="12">
        <v>0</v>
      </c>
      <c r="F97" s="12">
        <v>0</v>
      </c>
      <c r="G97" s="12">
        <v>0</v>
      </c>
      <c r="H97" s="12">
        <v>1000</v>
      </c>
      <c r="I97" s="12">
        <v>0</v>
      </c>
      <c r="J97" s="12">
        <v>0</v>
      </c>
      <c r="K97" s="12">
        <v>0</v>
      </c>
      <c r="L97" s="12">
        <v>1000</v>
      </c>
    </row>
    <row r="98" spans="1:12" x14ac:dyDescent="0.25">
      <c r="A98" s="2" t="s">
        <v>190</v>
      </c>
      <c r="B98" s="4" t="s">
        <v>435</v>
      </c>
      <c r="C98" s="12">
        <v>12253200</v>
      </c>
      <c r="D98" s="12">
        <v>23435918</v>
      </c>
      <c r="E98" s="12">
        <v>480305.86</v>
      </c>
      <c r="F98" s="12">
        <v>8041592.54</v>
      </c>
      <c r="G98" s="12">
        <v>0.12</v>
      </c>
      <c r="H98" s="12">
        <v>15394325.460000001</v>
      </c>
      <c r="I98" s="12">
        <v>982415.6</v>
      </c>
      <c r="J98" s="12">
        <v>1909038.25</v>
      </c>
      <c r="K98" s="12">
        <v>0.04</v>
      </c>
      <c r="L98" s="12">
        <v>21526879.75</v>
      </c>
    </row>
    <row r="99" spans="1:12" x14ac:dyDescent="0.25">
      <c r="A99" s="3" t="s">
        <v>192</v>
      </c>
      <c r="B99" s="5" t="s">
        <v>436</v>
      </c>
      <c r="C99" s="11">
        <v>124351000</v>
      </c>
      <c r="D99" s="11">
        <v>91904791</v>
      </c>
      <c r="E99" s="11">
        <v>1771863.67</v>
      </c>
      <c r="F99" s="11">
        <v>6358529.2999999998</v>
      </c>
      <c r="G99" s="11">
        <v>0.09</v>
      </c>
      <c r="H99" s="11">
        <v>85546261.700000003</v>
      </c>
      <c r="I99" s="11">
        <v>329189.90999999997</v>
      </c>
      <c r="J99" s="11">
        <v>1093118.21</v>
      </c>
      <c r="K99" s="11">
        <v>0.02</v>
      </c>
      <c r="L99" s="11">
        <v>90811672.790000007</v>
      </c>
    </row>
    <row r="100" spans="1:12" x14ac:dyDescent="0.25">
      <c r="A100" s="2" t="s">
        <v>194</v>
      </c>
      <c r="B100" s="4" t="s">
        <v>437</v>
      </c>
      <c r="C100" s="12">
        <v>124351000</v>
      </c>
      <c r="D100" s="12">
        <v>91904791</v>
      </c>
      <c r="E100" s="12">
        <v>1771863.67</v>
      </c>
      <c r="F100" s="12">
        <v>6358529.2999999998</v>
      </c>
      <c r="G100" s="12">
        <v>0.09</v>
      </c>
      <c r="H100" s="12">
        <v>85546261.700000003</v>
      </c>
      <c r="I100" s="12">
        <v>329189.90999999997</v>
      </c>
      <c r="J100" s="12">
        <v>1093118.21</v>
      </c>
      <c r="K100" s="12">
        <v>0.02</v>
      </c>
      <c r="L100" s="12">
        <v>90811672.790000007</v>
      </c>
    </row>
    <row r="101" spans="1:12" x14ac:dyDescent="0.25">
      <c r="A101" s="3" t="s">
        <v>196</v>
      </c>
      <c r="B101" s="5" t="s">
        <v>438</v>
      </c>
      <c r="C101" s="11">
        <v>92111000</v>
      </c>
      <c r="D101" s="11">
        <v>165695651.81</v>
      </c>
      <c r="E101" s="11">
        <v>34668045.780000001</v>
      </c>
      <c r="F101" s="11">
        <v>61436978.850000001</v>
      </c>
      <c r="G101" s="11">
        <v>0.89</v>
      </c>
      <c r="H101" s="11">
        <v>104258672.95999999</v>
      </c>
      <c r="I101" s="11">
        <v>7530703.5800000001</v>
      </c>
      <c r="J101" s="11">
        <v>15068701.130000001</v>
      </c>
      <c r="K101" s="11">
        <v>0.28000000000000003</v>
      </c>
      <c r="L101" s="11">
        <v>150626950.68000001</v>
      </c>
    </row>
    <row r="102" spans="1:12" x14ac:dyDescent="0.25">
      <c r="A102" s="2" t="s">
        <v>198</v>
      </c>
      <c r="B102" s="4" t="s">
        <v>384</v>
      </c>
      <c r="C102" s="12">
        <v>44872400</v>
      </c>
      <c r="D102" s="12">
        <v>42511365.810000002</v>
      </c>
      <c r="E102" s="12">
        <v>4237642.88</v>
      </c>
      <c r="F102" s="12">
        <v>10276527.970000001</v>
      </c>
      <c r="G102" s="12">
        <v>0.15</v>
      </c>
      <c r="H102" s="12">
        <v>32234837.84</v>
      </c>
      <c r="I102" s="12">
        <v>3814244.34</v>
      </c>
      <c r="J102" s="12">
        <v>9564966.7899999991</v>
      </c>
      <c r="K102" s="12">
        <v>0.18</v>
      </c>
      <c r="L102" s="12">
        <v>32946399.02</v>
      </c>
    </row>
    <row r="103" spans="1:12" x14ac:dyDescent="0.25">
      <c r="A103" s="2" t="s">
        <v>200</v>
      </c>
      <c r="B103" s="4" t="s">
        <v>399</v>
      </c>
      <c r="C103" s="12">
        <v>5000000</v>
      </c>
      <c r="D103" s="12">
        <v>5700000</v>
      </c>
      <c r="E103" s="12">
        <v>403987.92</v>
      </c>
      <c r="F103" s="12">
        <v>1221434.97</v>
      </c>
      <c r="G103" s="12">
        <v>0.02</v>
      </c>
      <c r="H103" s="12">
        <v>4478565.03</v>
      </c>
      <c r="I103" s="12">
        <v>315982.78999999998</v>
      </c>
      <c r="J103" s="12">
        <v>714995.04</v>
      </c>
      <c r="K103" s="12">
        <v>0.01</v>
      </c>
      <c r="L103" s="12">
        <v>4985004.96</v>
      </c>
    </row>
    <row r="104" spans="1:12" x14ac:dyDescent="0.25">
      <c r="A104" s="2" t="s">
        <v>202</v>
      </c>
      <c r="B104" s="4" t="s">
        <v>439</v>
      </c>
      <c r="C104" s="12">
        <v>37620100</v>
      </c>
      <c r="D104" s="12">
        <v>110579900</v>
      </c>
      <c r="E104" s="12">
        <v>29779637.559999999</v>
      </c>
      <c r="F104" s="12">
        <v>49612167.990000002</v>
      </c>
      <c r="G104" s="12">
        <v>0.72</v>
      </c>
      <c r="H104" s="12">
        <v>60967732.009999998</v>
      </c>
      <c r="I104" s="12">
        <v>3320147.66</v>
      </c>
      <c r="J104" s="12">
        <v>4653393.3499999996</v>
      </c>
      <c r="K104" s="12">
        <v>0.09</v>
      </c>
      <c r="L104" s="12">
        <v>105926506.65000001</v>
      </c>
    </row>
    <row r="105" spans="1:12" x14ac:dyDescent="0.25">
      <c r="A105" s="2" t="s">
        <v>204</v>
      </c>
      <c r="B105" s="4" t="s">
        <v>440</v>
      </c>
      <c r="C105" s="12">
        <v>4306500</v>
      </c>
      <c r="D105" s="12">
        <v>6592386</v>
      </c>
      <c r="E105" s="12">
        <v>246777.42</v>
      </c>
      <c r="F105" s="12">
        <v>326847.92</v>
      </c>
      <c r="G105" s="12">
        <v>0</v>
      </c>
      <c r="H105" s="12">
        <v>6265538.0800000001</v>
      </c>
      <c r="I105" s="12">
        <v>80328.789999999994</v>
      </c>
      <c r="J105" s="12">
        <v>135345.95000000001</v>
      </c>
      <c r="K105" s="12">
        <v>0</v>
      </c>
      <c r="L105" s="12">
        <v>6457040.0499999998</v>
      </c>
    </row>
    <row r="106" spans="1:12" x14ac:dyDescent="0.25">
      <c r="A106" s="2" t="s">
        <v>206</v>
      </c>
      <c r="B106" s="4" t="s">
        <v>441</v>
      </c>
      <c r="C106" s="12">
        <v>212000</v>
      </c>
      <c r="D106" s="12">
        <v>212000</v>
      </c>
      <c r="E106" s="12">
        <v>0</v>
      </c>
      <c r="F106" s="12">
        <v>0</v>
      </c>
      <c r="G106" s="12">
        <v>0</v>
      </c>
      <c r="H106" s="12">
        <v>212000</v>
      </c>
      <c r="I106" s="12">
        <v>0</v>
      </c>
      <c r="J106" s="12">
        <v>0</v>
      </c>
      <c r="K106" s="12">
        <v>0</v>
      </c>
      <c r="L106" s="12">
        <v>212000</v>
      </c>
    </row>
    <row r="107" spans="1:12" x14ac:dyDescent="0.25">
      <c r="A107" s="2" t="s">
        <v>208</v>
      </c>
      <c r="B107" s="4" t="s">
        <v>442</v>
      </c>
      <c r="C107" s="12">
        <v>100000</v>
      </c>
      <c r="D107" s="12">
        <v>100000</v>
      </c>
      <c r="E107" s="12">
        <v>0</v>
      </c>
      <c r="F107" s="12">
        <v>0</v>
      </c>
      <c r="G107" s="12">
        <v>0</v>
      </c>
      <c r="H107" s="12">
        <v>100000</v>
      </c>
      <c r="I107" s="12">
        <v>0</v>
      </c>
      <c r="J107" s="12">
        <v>0</v>
      </c>
      <c r="K107" s="12">
        <v>0</v>
      </c>
      <c r="L107" s="12">
        <v>100000</v>
      </c>
    </row>
    <row r="108" spans="1:12" x14ac:dyDescent="0.25">
      <c r="A108" s="3" t="s">
        <v>210</v>
      </c>
      <c r="B108" s="5" t="s">
        <v>443</v>
      </c>
      <c r="C108" s="11">
        <v>39021400</v>
      </c>
      <c r="D108" s="11">
        <v>40466100</v>
      </c>
      <c r="E108" s="11">
        <v>1267690.8</v>
      </c>
      <c r="F108" s="11">
        <v>5501618.9800000004</v>
      </c>
      <c r="G108" s="11">
        <v>0.08</v>
      </c>
      <c r="H108" s="11">
        <v>34964481.020000003</v>
      </c>
      <c r="I108" s="11">
        <v>1588324.1</v>
      </c>
      <c r="J108" s="11">
        <v>3959001.74</v>
      </c>
      <c r="K108" s="11">
        <v>7.0000000000000007E-2</v>
      </c>
      <c r="L108" s="11">
        <v>36507098.259999998</v>
      </c>
    </row>
    <row r="109" spans="1:12" x14ac:dyDescent="0.25">
      <c r="A109" s="2" t="s">
        <v>212</v>
      </c>
      <c r="B109" s="4" t="s">
        <v>385</v>
      </c>
      <c r="C109" s="12">
        <v>200</v>
      </c>
      <c r="D109" s="12">
        <v>200</v>
      </c>
      <c r="E109" s="12">
        <v>0</v>
      </c>
      <c r="F109" s="12">
        <v>0</v>
      </c>
      <c r="G109" s="12">
        <v>0</v>
      </c>
      <c r="H109" s="12">
        <v>200</v>
      </c>
      <c r="I109" s="12">
        <v>0</v>
      </c>
      <c r="J109" s="12">
        <v>0</v>
      </c>
      <c r="K109" s="12">
        <v>0</v>
      </c>
      <c r="L109" s="12">
        <v>200</v>
      </c>
    </row>
    <row r="110" spans="1:12" x14ac:dyDescent="0.25">
      <c r="A110" s="2" t="s">
        <v>214</v>
      </c>
      <c r="B110" s="4" t="s">
        <v>426</v>
      </c>
      <c r="C110" s="12">
        <v>14242500</v>
      </c>
      <c r="D110" s="12">
        <v>14242500</v>
      </c>
      <c r="E110" s="12">
        <v>181345</v>
      </c>
      <c r="F110" s="12">
        <v>1816249.84</v>
      </c>
      <c r="G110" s="12">
        <v>0.03</v>
      </c>
      <c r="H110" s="12">
        <v>12426250.16</v>
      </c>
      <c r="I110" s="12">
        <v>811438.92</v>
      </c>
      <c r="J110" s="12">
        <v>1798071.28</v>
      </c>
      <c r="K110" s="12">
        <v>0.03</v>
      </c>
      <c r="L110" s="12">
        <v>12444428.720000001</v>
      </c>
    </row>
    <row r="111" spans="1:12" x14ac:dyDescent="0.25">
      <c r="A111" s="2" t="s">
        <v>215</v>
      </c>
      <c r="B111" s="4" t="s">
        <v>444</v>
      </c>
      <c r="C111" s="12">
        <v>24778700</v>
      </c>
      <c r="D111" s="12">
        <v>26223400</v>
      </c>
      <c r="E111" s="12">
        <v>1086345.8</v>
      </c>
      <c r="F111" s="12">
        <v>3685369.14</v>
      </c>
      <c r="G111" s="12">
        <v>0.05</v>
      </c>
      <c r="H111" s="12">
        <v>22538030.859999999</v>
      </c>
      <c r="I111" s="12">
        <v>776885.18</v>
      </c>
      <c r="J111" s="12">
        <v>2160930.46</v>
      </c>
      <c r="K111" s="12">
        <v>0.04</v>
      </c>
      <c r="L111" s="12">
        <v>24062469.539999999</v>
      </c>
    </row>
    <row r="112" spans="1:12" x14ac:dyDescent="0.25">
      <c r="A112" s="3" t="s">
        <v>216</v>
      </c>
      <c r="B112" s="5" t="s">
        <v>445</v>
      </c>
      <c r="C112" s="11">
        <v>266091900</v>
      </c>
      <c r="D112" s="11">
        <v>276986633</v>
      </c>
      <c r="E112" s="11">
        <v>21073823.859999999</v>
      </c>
      <c r="F112" s="11">
        <v>46459820.240000002</v>
      </c>
      <c r="G112" s="11">
        <v>0.68</v>
      </c>
      <c r="H112" s="11">
        <v>230526812.75999999</v>
      </c>
      <c r="I112" s="11">
        <v>18675743.379999999</v>
      </c>
      <c r="J112" s="11">
        <v>40502468.909999996</v>
      </c>
      <c r="K112" s="11">
        <v>0.77</v>
      </c>
      <c r="L112" s="11">
        <v>236484164.09</v>
      </c>
    </row>
    <row r="113" spans="1:12" x14ac:dyDescent="0.25">
      <c r="A113" s="2" t="s">
        <v>218</v>
      </c>
      <c r="B113" s="4" t="s">
        <v>384</v>
      </c>
      <c r="C113" s="12">
        <v>121640700</v>
      </c>
      <c r="D113" s="12">
        <v>122914400</v>
      </c>
      <c r="E113" s="12">
        <v>15297186.74</v>
      </c>
      <c r="F113" s="12">
        <v>31449905.149999999</v>
      </c>
      <c r="G113" s="12">
        <v>0.45</v>
      </c>
      <c r="H113" s="12">
        <v>91464494.849999994</v>
      </c>
      <c r="I113" s="12">
        <v>14974621.029999999</v>
      </c>
      <c r="J113" s="12">
        <v>30535186.329999998</v>
      </c>
      <c r="K113" s="12">
        <v>0.57999999999999996</v>
      </c>
      <c r="L113" s="12">
        <v>92379213.670000002</v>
      </c>
    </row>
    <row r="114" spans="1:12" x14ac:dyDescent="0.25">
      <c r="A114" s="2" t="s">
        <v>220</v>
      </c>
      <c r="B114" s="4" t="s">
        <v>431</v>
      </c>
      <c r="C114" s="12">
        <v>800</v>
      </c>
      <c r="D114" s="12">
        <v>800</v>
      </c>
      <c r="E114" s="12">
        <v>0</v>
      </c>
      <c r="F114" s="12">
        <v>0</v>
      </c>
      <c r="G114" s="12">
        <v>0</v>
      </c>
      <c r="H114" s="12">
        <v>800</v>
      </c>
      <c r="I114" s="12">
        <v>0</v>
      </c>
      <c r="J114" s="12">
        <v>0</v>
      </c>
      <c r="K114" s="12">
        <v>0</v>
      </c>
      <c r="L114" s="12">
        <v>800</v>
      </c>
    </row>
    <row r="115" spans="1:12" x14ac:dyDescent="0.25">
      <c r="A115" s="2" t="s">
        <v>222</v>
      </c>
      <c r="B115" s="4" t="s">
        <v>439</v>
      </c>
      <c r="C115" s="12">
        <v>100</v>
      </c>
      <c r="D115" s="12">
        <v>2181300</v>
      </c>
      <c r="E115" s="12">
        <v>0</v>
      </c>
      <c r="F115" s="12">
        <v>0</v>
      </c>
      <c r="G115" s="12">
        <v>0</v>
      </c>
      <c r="H115" s="12">
        <v>2181300</v>
      </c>
      <c r="I115" s="12">
        <v>0</v>
      </c>
      <c r="J115" s="12">
        <v>0</v>
      </c>
      <c r="K115" s="12">
        <v>0</v>
      </c>
      <c r="L115" s="12">
        <v>2181300</v>
      </c>
    </row>
    <row r="116" spans="1:12" x14ac:dyDescent="0.25">
      <c r="A116" s="2" t="s">
        <v>225</v>
      </c>
      <c r="B116" s="4" t="s">
        <v>440</v>
      </c>
      <c r="C116" s="12">
        <v>100</v>
      </c>
      <c r="D116" s="12">
        <v>100</v>
      </c>
      <c r="E116" s="12">
        <v>0</v>
      </c>
      <c r="F116" s="12">
        <v>0</v>
      </c>
      <c r="G116" s="12">
        <v>0</v>
      </c>
      <c r="H116" s="12">
        <v>100</v>
      </c>
      <c r="I116" s="12">
        <v>0</v>
      </c>
      <c r="J116" s="12">
        <v>0</v>
      </c>
      <c r="K116" s="12">
        <v>0</v>
      </c>
      <c r="L116" s="12">
        <v>100</v>
      </c>
    </row>
    <row r="117" spans="1:12" x14ac:dyDescent="0.25">
      <c r="A117" s="2" t="s">
        <v>227</v>
      </c>
      <c r="B117" s="4" t="s">
        <v>442</v>
      </c>
      <c r="C117" s="12">
        <v>450000</v>
      </c>
      <c r="D117" s="12">
        <v>452000</v>
      </c>
      <c r="E117" s="12">
        <v>368070.8</v>
      </c>
      <c r="F117" s="12">
        <v>369985.8</v>
      </c>
      <c r="G117" s="12">
        <v>0.01</v>
      </c>
      <c r="H117" s="12">
        <v>82014.2</v>
      </c>
      <c r="I117" s="12">
        <v>368070.8</v>
      </c>
      <c r="J117" s="12">
        <v>369985.8</v>
      </c>
      <c r="K117" s="12">
        <v>0.01</v>
      </c>
      <c r="L117" s="12">
        <v>82014.2</v>
      </c>
    </row>
    <row r="118" spans="1:12" x14ac:dyDescent="0.25">
      <c r="A118" s="2" t="s">
        <v>229</v>
      </c>
      <c r="B118" s="4" t="s">
        <v>444</v>
      </c>
      <c r="C118" s="12">
        <v>4598800</v>
      </c>
      <c r="D118" s="12">
        <v>4906900</v>
      </c>
      <c r="E118" s="12">
        <v>1293397.07</v>
      </c>
      <c r="F118" s="12">
        <v>1303932.21</v>
      </c>
      <c r="G118" s="12">
        <v>0.02</v>
      </c>
      <c r="H118" s="12">
        <v>3602967.79</v>
      </c>
      <c r="I118" s="12">
        <v>22888.25</v>
      </c>
      <c r="J118" s="12">
        <v>27128.45</v>
      </c>
      <c r="K118" s="12">
        <v>0</v>
      </c>
      <c r="L118" s="12">
        <v>4879771.55</v>
      </c>
    </row>
    <row r="119" spans="1:12" x14ac:dyDescent="0.25">
      <c r="A119" s="2" t="s">
        <v>231</v>
      </c>
      <c r="B119" s="4" t="s">
        <v>446</v>
      </c>
      <c r="C119" s="12">
        <v>100</v>
      </c>
      <c r="D119" s="12">
        <v>100</v>
      </c>
      <c r="E119" s="12">
        <v>0</v>
      </c>
      <c r="F119" s="12">
        <v>0</v>
      </c>
      <c r="G119" s="12">
        <v>0</v>
      </c>
      <c r="H119" s="12">
        <v>100</v>
      </c>
      <c r="I119" s="12">
        <v>0</v>
      </c>
      <c r="J119" s="12">
        <v>0</v>
      </c>
      <c r="K119" s="12">
        <v>0</v>
      </c>
      <c r="L119" s="12">
        <v>100</v>
      </c>
    </row>
    <row r="120" spans="1:12" x14ac:dyDescent="0.25">
      <c r="A120" s="2" t="s">
        <v>233</v>
      </c>
      <c r="B120" s="4" t="s">
        <v>447</v>
      </c>
      <c r="C120" s="12">
        <v>101667800</v>
      </c>
      <c r="D120" s="12">
        <v>108797533</v>
      </c>
      <c r="E120" s="12">
        <v>1143050.5</v>
      </c>
      <c r="F120" s="12">
        <v>1821029.43</v>
      </c>
      <c r="G120" s="12">
        <v>0.03</v>
      </c>
      <c r="H120" s="12">
        <v>106976503.56999999</v>
      </c>
      <c r="I120" s="12">
        <v>472933.75</v>
      </c>
      <c r="J120" s="12">
        <v>1037268.21</v>
      </c>
      <c r="K120" s="12">
        <v>0.02</v>
      </c>
      <c r="L120" s="12">
        <v>107760264.79000001</v>
      </c>
    </row>
    <row r="121" spans="1:12" x14ac:dyDescent="0.25">
      <c r="A121" s="2" t="s">
        <v>235</v>
      </c>
      <c r="B121" s="4" t="s">
        <v>448</v>
      </c>
      <c r="C121" s="12">
        <v>100</v>
      </c>
      <c r="D121" s="12">
        <v>100</v>
      </c>
      <c r="E121" s="12">
        <v>0</v>
      </c>
      <c r="F121" s="12">
        <v>0</v>
      </c>
      <c r="G121" s="12">
        <v>0</v>
      </c>
      <c r="H121" s="12">
        <v>100</v>
      </c>
      <c r="I121" s="12">
        <v>0</v>
      </c>
      <c r="J121" s="12">
        <v>0</v>
      </c>
      <c r="K121" s="12">
        <v>0</v>
      </c>
      <c r="L121" s="12">
        <v>100</v>
      </c>
    </row>
    <row r="122" spans="1:12" x14ac:dyDescent="0.25">
      <c r="A122" s="2" t="s">
        <v>237</v>
      </c>
      <c r="B122" s="4" t="s">
        <v>449</v>
      </c>
      <c r="C122" s="12">
        <v>11000400</v>
      </c>
      <c r="D122" s="12">
        <v>11000400</v>
      </c>
      <c r="E122" s="12">
        <v>357122.92</v>
      </c>
      <c r="F122" s="12">
        <v>4176369.04</v>
      </c>
      <c r="G122" s="12">
        <v>0.06</v>
      </c>
      <c r="H122" s="12">
        <v>6824030.96</v>
      </c>
      <c r="I122" s="12">
        <v>368359.92</v>
      </c>
      <c r="J122" s="12">
        <v>4174006.04</v>
      </c>
      <c r="K122" s="12">
        <v>0.08</v>
      </c>
      <c r="L122" s="12">
        <v>6826393.96</v>
      </c>
    </row>
    <row r="123" spans="1:12" x14ac:dyDescent="0.25">
      <c r="A123" s="2" t="s">
        <v>239</v>
      </c>
      <c r="B123" s="4" t="s">
        <v>450</v>
      </c>
      <c r="C123" s="12">
        <v>26733000</v>
      </c>
      <c r="D123" s="12">
        <v>26733000</v>
      </c>
      <c r="E123" s="12">
        <v>2614995.83</v>
      </c>
      <c r="F123" s="12">
        <v>7338598.6100000003</v>
      </c>
      <c r="G123" s="12">
        <v>0.11</v>
      </c>
      <c r="H123" s="12">
        <v>19394401.390000001</v>
      </c>
      <c r="I123" s="12">
        <v>2468869.63</v>
      </c>
      <c r="J123" s="12">
        <v>4358894.08</v>
      </c>
      <c r="K123" s="12">
        <v>0.08</v>
      </c>
      <c r="L123" s="12">
        <v>22374105.920000002</v>
      </c>
    </row>
    <row r="124" spans="1:12" x14ac:dyDescent="0.25">
      <c r="A124" s="3" t="s">
        <v>241</v>
      </c>
      <c r="B124" s="5" t="s">
        <v>451</v>
      </c>
      <c r="C124" s="11">
        <v>10814500</v>
      </c>
      <c r="D124" s="11">
        <v>12286467</v>
      </c>
      <c r="E124" s="11">
        <v>273560.94</v>
      </c>
      <c r="F124" s="11">
        <v>8432746.6400000006</v>
      </c>
      <c r="G124" s="11">
        <v>0.12</v>
      </c>
      <c r="H124" s="11">
        <v>3853720.36</v>
      </c>
      <c r="I124" s="11">
        <v>921776.16</v>
      </c>
      <c r="J124" s="11">
        <v>2334850.89</v>
      </c>
      <c r="K124" s="11">
        <v>0.04</v>
      </c>
      <c r="L124" s="11">
        <v>9951616.1099999994</v>
      </c>
    </row>
    <row r="125" spans="1:12" x14ac:dyDescent="0.25">
      <c r="A125" s="2" t="s">
        <v>243</v>
      </c>
      <c r="B125" s="4" t="s">
        <v>452</v>
      </c>
      <c r="C125" s="12">
        <v>10814500</v>
      </c>
      <c r="D125" s="12">
        <v>12286467</v>
      </c>
      <c r="E125" s="12">
        <v>273560.94</v>
      </c>
      <c r="F125" s="12">
        <v>8432746.6400000006</v>
      </c>
      <c r="G125" s="12">
        <v>0.12</v>
      </c>
      <c r="H125" s="12">
        <v>3853720.36</v>
      </c>
      <c r="I125" s="12">
        <v>921776.16</v>
      </c>
      <c r="J125" s="12">
        <v>2334850.89</v>
      </c>
      <c r="K125" s="12">
        <v>0.04</v>
      </c>
      <c r="L125" s="12">
        <v>9951616.1099999994</v>
      </c>
    </row>
    <row r="126" spans="1:12" x14ac:dyDescent="0.25">
      <c r="A126" s="3" t="s">
        <v>245</v>
      </c>
      <c r="B126" s="5" t="s">
        <v>453</v>
      </c>
      <c r="C126" s="11">
        <v>280596400</v>
      </c>
      <c r="D126" s="11">
        <v>288698900</v>
      </c>
      <c r="E126" s="11">
        <v>29904</v>
      </c>
      <c r="F126" s="11">
        <v>43338937.229999997</v>
      </c>
      <c r="G126" s="11">
        <v>0.63</v>
      </c>
      <c r="H126" s="11">
        <v>245359962.77000001</v>
      </c>
      <c r="I126" s="11">
        <v>3342002.06</v>
      </c>
      <c r="J126" s="11">
        <v>34364624.75</v>
      </c>
      <c r="K126" s="11">
        <v>0.66</v>
      </c>
      <c r="L126" s="11">
        <v>254334275.25</v>
      </c>
    </row>
    <row r="127" spans="1:12" x14ac:dyDescent="0.25">
      <c r="A127" s="2" t="s">
        <v>247</v>
      </c>
      <c r="B127" s="4" t="s">
        <v>454</v>
      </c>
      <c r="C127" s="12">
        <v>280596400</v>
      </c>
      <c r="D127" s="12">
        <v>288698900</v>
      </c>
      <c r="E127" s="12">
        <v>29904</v>
      </c>
      <c r="F127" s="12">
        <v>43338937.229999997</v>
      </c>
      <c r="G127" s="12">
        <v>0.63</v>
      </c>
      <c r="H127" s="12">
        <v>245359962.77000001</v>
      </c>
      <c r="I127" s="12">
        <v>3342002.06</v>
      </c>
      <c r="J127" s="12">
        <v>34364624.75</v>
      </c>
      <c r="K127" s="12">
        <v>0.66</v>
      </c>
      <c r="L127" s="12">
        <v>254334275.25</v>
      </c>
    </row>
    <row r="128" spans="1:12" x14ac:dyDescent="0.25">
      <c r="A128" s="3" t="s">
        <v>249</v>
      </c>
      <c r="B128" s="5" t="s">
        <v>455</v>
      </c>
      <c r="C128" s="11">
        <v>38538400</v>
      </c>
      <c r="D128" s="11">
        <v>39672646</v>
      </c>
      <c r="E128" s="11">
        <v>2657524.21</v>
      </c>
      <c r="F128" s="11">
        <v>6826388.0700000003</v>
      </c>
      <c r="G128" s="11">
        <v>0.1</v>
      </c>
      <c r="H128" s="11">
        <v>32846257.93</v>
      </c>
      <c r="I128" s="11">
        <v>3111740.51</v>
      </c>
      <c r="J128" s="11">
        <v>5672307.4400000004</v>
      </c>
      <c r="K128" s="11">
        <v>0.1</v>
      </c>
      <c r="L128" s="11">
        <v>34000338.560000002</v>
      </c>
    </row>
    <row r="129" spans="1:12" x14ac:dyDescent="0.25">
      <c r="A129" s="2" t="s">
        <v>251</v>
      </c>
      <c r="B129" s="4" t="s">
        <v>456</v>
      </c>
      <c r="C129" s="12">
        <v>11292600</v>
      </c>
      <c r="D129" s="12">
        <v>11518600</v>
      </c>
      <c r="E129" s="12">
        <v>1293422.56</v>
      </c>
      <c r="F129" s="12">
        <v>2572693.86</v>
      </c>
      <c r="G129" s="12">
        <v>0.04</v>
      </c>
      <c r="H129" s="12">
        <v>8945906.1400000006</v>
      </c>
      <c r="I129" s="12">
        <v>1198453.08</v>
      </c>
      <c r="J129" s="12">
        <v>2309855.79</v>
      </c>
      <c r="K129" s="12">
        <v>0.04</v>
      </c>
      <c r="L129" s="12">
        <v>9208744.2100000009</v>
      </c>
    </row>
    <row r="130" spans="1:12" x14ac:dyDescent="0.25">
      <c r="A130" s="2" t="s">
        <v>253</v>
      </c>
      <c r="B130" s="4" t="s">
        <v>457</v>
      </c>
      <c r="C130" s="12">
        <v>100</v>
      </c>
      <c r="D130" s="12">
        <v>100</v>
      </c>
      <c r="E130" s="12">
        <v>0</v>
      </c>
      <c r="F130" s="12">
        <v>0</v>
      </c>
      <c r="G130" s="12">
        <v>0</v>
      </c>
      <c r="H130" s="12">
        <v>100</v>
      </c>
      <c r="I130" s="12">
        <v>0</v>
      </c>
      <c r="J130" s="12">
        <v>0</v>
      </c>
      <c r="K130" s="12">
        <v>0</v>
      </c>
      <c r="L130" s="12">
        <v>100</v>
      </c>
    </row>
    <row r="131" spans="1:12" x14ac:dyDescent="0.25">
      <c r="A131" s="2" t="s">
        <v>255</v>
      </c>
      <c r="B131" s="4" t="s">
        <v>458</v>
      </c>
      <c r="C131" s="12">
        <v>9363200</v>
      </c>
      <c r="D131" s="12">
        <v>9363200</v>
      </c>
      <c r="E131" s="12">
        <v>982859.38</v>
      </c>
      <c r="F131" s="12">
        <v>2376783.1</v>
      </c>
      <c r="G131" s="12">
        <v>0.03</v>
      </c>
      <c r="H131" s="12">
        <v>6986416.9000000004</v>
      </c>
      <c r="I131" s="12">
        <v>965618.52</v>
      </c>
      <c r="J131" s="12">
        <v>2300644.79</v>
      </c>
      <c r="K131" s="12">
        <v>0.04</v>
      </c>
      <c r="L131" s="12">
        <v>7062555.21</v>
      </c>
    </row>
    <row r="132" spans="1:12" x14ac:dyDescent="0.25">
      <c r="A132" s="2" t="s">
        <v>257</v>
      </c>
      <c r="B132" s="4" t="s">
        <v>459</v>
      </c>
      <c r="C132" s="12">
        <v>17882500</v>
      </c>
      <c r="D132" s="12">
        <v>18790746</v>
      </c>
      <c r="E132" s="12">
        <v>381242.27</v>
      </c>
      <c r="F132" s="12">
        <v>1876911.11</v>
      </c>
      <c r="G132" s="12">
        <v>0.03</v>
      </c>
      <c r="H132" s="12">
        <v>16913834.890000001</v>
      </c>
      <c r="I132" s="12">
        <v>947668.91</v>
      </c>
      <c r="J132" s="12">
        <v>1061806.8600000001</v>
      </c>
      <c r="K132" s="12">
        <v>0.02</v>
      </c>
      <c r="L132" s="12">
        <v>17728939.140000001</v>
      </c>
    </row>
    <row r="133" spans="1:12" x14ac:dyDescent="0.25">
      <c r="A133" s="3" t="s">
        <v>259</v>
      </c>
      <c r="B133" s="5" t="s">
        <v>460</v>
      </c>
      <c r="C133" s="11">
        <v>1700</v>
      </c>
      <c r="D133" s="11">
        <v>1700</v>
      </c>
      <c r="E133" s="11">
        <v>0</v>
      </c>
      <c r="F133" s="11">
        <v>0</v>
      </c>
      <c r="G133" s="11">
        <v>0</v>
      </c>
      <c r="H133" s="11">
        <v>1700</v>
      </c>
      <c r="I133" s="11">
        <v>0</v>
      </c>
      <c r="J133" s="11">
        <v>0</v>
      </c>
      <c r="K133" s="11">
        <v>0</v>
      </c>
      <c r="L133" s="11">
        <v>1700</v>
      </c>
    </row>
    <row r="134" spans="1:12" x14ac:dyDescent="0.25">
      <c r="A134" s="2" t="s">
        <v>261</v>
      </c>
      <c r="B134" s="4" t="s">
        <v>461</v>
      </c>
      <c r="C134" s="12">
        <v>1700</v>
      </c>
      <c r="D134" s="12">
        <v>1700</v>
      </c>
      <c r="E134" s="12">
        <v>0</v>
      </c>
      <c r="F134" s="12">
        <v>0</v>
      </c>
      <c r="G134" s="12">
        <v>0</v>
      </c>
      <c r="H134" s="12">
        <v>1700</v>
      </c>
      <c r="I134" s="12">
        <v>0</v>
      </c>
      <c r="J134" s="12">
        <v>0</v>
      </c>
      <c r="K134" s="12">
        <v>0</v>
      </c>
      <c r="L134" s="12">
        <v>1700</v>
      </c>
    </row>
    <row r="135" spans="1:12" x14ac:dyDescent="0.25">
      <c r="A135" s="3" t="s">
        <v>263</v>
      </c>
      <c r="B135" s="5" t="s">
        <v>462</v>
      </c>
      <c r="C135" s="11">
        <v>50000</v>
      </c>
      <c r="D135" s="11">
        <v>3376546</v>
      </c>
      <c r="E135" s="11">
        <v>19794.37</v>
      </c>
      <c r="F135" s="11">
        <v>2089511.83</v>
      </c>
      <c r="G135" s="11">
        <v>0.03</v>
      </c>
      <c r="H135" s="11">
        <v>1287034.17</v>
      </c>
      <c r="I135" s="11">
        <v>56524.72</v>
      </c>
      <c r="J135" s="11">
        <v>56524.72</v>
      </c>
      <c r="K135" s="11">
        <v>0</v>
      </c>
      <c r="L135" s="11">
        <v>3320021.28</v>
      </c>
    </row>
    <row r="136" spans="1:12" x14ac:dyDescent="0.25">
      <c r="A136" s="2" t="s">
        <v>265</v>
      </c>
      <c r="B136" s="4" t="s">
        <v>463</v>
      </c>
      <c r="C136" s="12">
        <v>20000</v>
      </c>
      <c r="D136" s="12">
        <v>20000</v>
      </c>
      <c r="E136" s="12">
        <v>0</v>
      </c>
      <c r="F136" s="12">
        <v>0</v>
      </c>
      <c r="G136" s="12">
        <v>0</v>
      </c>
      <c r="H136" s="12">
        <v>20000</v>
      </c>
      <c r="I136" s="12">
        <v>0</v>
      </c>
      <c r="J136" s="12">
        <v>0</v>
      </c>
      <c r="K136" s="12">
        <v>0</v>
      </c>
      <c r="L136" s="12">
        <v>20000</v>
      </c>
    </row>
    <row r="137" spans="1:12" x14ac:dyDescent="0.25">
      <c r="A137" s="2" t="s">
        <v>267</v>
      </c>
      <c r="B137" s="4" t="s">
        <v>464</v>
      </c>
      <c r="C137" s="12">
        <v>30000</v>
      </c>
      <c r="D137" s="12">
        <v>3356546</v>
      </c>
      <c r="E137" s="12">
        <v>19794.37</v>
      </c>
      <c r="F137" s="12">
        <v>2089511.83</v>
      </c>
      <c r="G137" s="12">
        <v>0.03</v>
      </c>
      <c r="H137" s="12">
        <v>1267034.17</v>
      </c>
      <c r="I137" s="12">
        <v>56524.72</v>
      </c>
      <c r="J137" s="12">
        <v>56524.72</v>
      </c>
      <c r="K137" s="12">
        <v>0</v>
      </c>
      <c r="L137" s="12">
        <v>3300021.28</v>
      </c>
    </row>
    <row r="138" spans="1:12" x14ac:dyDescent="0.25">
      <c r="A138" s="3" t="s">
        <v>269</v>
      </c>
      <c r="B138" s="5" t="s">
        <v>465</v>
      </c>
      <c r="C138" s="11">
        <v>1139178000</v>
      </c>
      <c r="D138" s="11">
        <v>1729894012</v>
      </c>
      <c r="E138" s="11">
        <v>345893586.11000001</v>
      </c>
      <c r="F138" s="11">
        <v>607980971.59000003</v>
      </c>
      <c r="G138" s="11">
        <v>8.7799999999999994</v>
      </c>
      <c r="H138" s="11">
        <v>1121913040.4100001</v>
      </c>
      <c r="I138" s="11">
        <v>188815992.50999999</v>
      </c>
      <c r="J138" s="11">
        <v>290366060.25</v>
      </c>
      <c r="K138" s="11">
        <v>5.54</v>
      </c>
      <c r="L138" s="11">
        <v>1439527951.75</v>
      </c>
    </row>
    <row r="139" spans="1:12" x14ac:dyDescent="0.25">
      <c r="A139" s="2" t="s">
        <v>271</v>
      </c>
      <c r="B139" s="4" t="s">
        <v>384</v>
      </c>
      <c r="C139" s="12">
        <v>78154000</v>
      </c>
      <c r="D139" s="12">
        <v>101969280</v>
      </c>
      <c r="E139" s="12">
        <v>19855571.32</v>
      </c>
      <c r="F139" s="12">
        <v>37664278.109999999</v>
      </c>
      <c r="G139" s="12">
        <v>0.54</v>
      </c>
      <c r="H139" s="12">
        <v>64305001.890000001</v>
      </c>
      <c r="I139" s="12">
        <v>9459278.4900000002</v>
      </c>
      <c r="J139" s="12">
        <v>17826660.66</v>
      </c>
      <c r="K139" s="12">
        <v>0.34</v>
      </c>
      <c r="L139" s="12">
        <v>84142619.340000004</v>
      </c>
    </row>
    <row r="140" spans="1:12" x14ac:dyDescent="0.25">
      <c r="A140" s="2" t="s">
        <v>273</v>
      </c>
      <c r="B140" s="4" t="s">
        <v>458</v>
      </c>
      <c r="C140" s="12">
        <v>100</v>
      </c>
      <c r="D140" s="12">
        <v>100</v>
      </c>
      <c r="E140" s="12">
        <v>0</v>
      </c>
      <c r="F140" s="12">
        <v>0</v>
      </c>
      <c r="G140" s="12">
        <v>0</v>
      </c>
      <c r="H140" s="12">
        <v>100</v>
      </c>
      <c r="I140" s="12">
        <v>0</v>
      </c>
      <c r="J140" s="12">
        <v>0</v>
      </c>
      <c r="K140" s="12">
        <v>0</v>
      </c>
      <c r="L140" s="12">
        <v>100</v>
      </c>
    </row>
    <row r="141" spans="1:12" x14ac:dyDescent="0.25">
      <c r="A141" s="2" t="s">
        <v>275</v>
      </c>
      <c r="B141" s="4" t="s">
        <v>466</v>
      </c>
      <c r="C141" s="12">
        <v>3845100</v>
      </c>
      <c r="D141" s="12">
        <v>8445615</v>
      </c>
      <c r="E141" s="12">
        <v>1482583.2</v>
      </c>
      <c r="F141" s="12">
        <v>4651077.17</v>
      </c>
      <c r="G141" s="12">
        <v>7.0000000000000007E-2</v>
      </c>
      <c r="H141" s="12">
        <v>3794537.83</v>
      </c>
      <c r="I141" s="12">
        <v>875799.63</v>
      </c>
      <c r="J141" s="12">
        <v>2034491.63</v>
      </c>
      <c r="K141" s="12">
        <v>0.04</v>
      </c>
      <c r="L141" s="12">
        <v>6411123.3700000001</v>
      </c>
    </row>
    <row r="142" spans="1:12" x14ac:dyDescent="0.25">
      <c r="A142" s="2" t="s">
        <v>277</v>
      </c>
      <c r="B142" s="4" t="s">
        <v>467</v>
      </c>
      <c r="C142" s="12">
        <v>1057176600</v>
      </c>
      <c r="D142" s="12">
        <v>1619476817</v>
      </c>
      <c r="E142" s="12">
        <v>324555431.58999997</v>
      </c>
      <c r="F142" s="12">
        <v>565665616.30999994</v>
      </c>
      <c r="G142" s="12">
        <v>8.17</v>
      </c>
      <c r="H142" s="12">
        <v>1053811200.6900001</v>
      </c>
      <c r="I142" s="12">
        <v>178480914.38999999</v>
      </c>
      <c r="J142" s="12">
        <v>270504907.95999998</v>
      </c>
      <c r="K142" s="12">
        <v>5.16</v>
      </c>
      <c r="L142" s="12">
        <v>1348971909.04</v>
      </c>
    </row>
    <row r="143" spans="1:12" x14ac:dyDescent="0.25">
      <c r="A143" s="2" t="s">
        <v>279</v>
      </c>
      <c r="B143" s="4" t="s">
        <v>468</v>
      </c>
      <c r="C143" s="12">
        <v>1100</v>
      </c>
      <c r="D143" s="12">
        <v>1100</v>
      </c>
      <c r="E143" s="12">
        <v>0</v>
      </c>
      <c r="F143" s="12">
        <v>0</v>
      </c>
      <c r="G143" s="12">
        <v>0</v>
      </c>
      <c r="H143" s="12">
        <v>1100</v>
      </c>
      <c r="I143" s="12">
        <v>0</v>
      </c>
      <c r="J143" s="12">
        <v>0</v>
      </c>
      <c r="K143" s="12">
        <v>0</v>
      </c>
      <c r="L143" s="12">
        <v>1100</v>
      </c>
    </row>
    <row r="144" spans="1:12" x14ac:dyDescent="0.25">
      <c r="A144" s="2" t="s">
        <v>281</v>
      </c>
      <c r="B144" s="4" t="s">
        <v>469</v>
      </c>
      <c r="C144" s="12">
        <v>1100</v>
      </c>
      <c r="D144" s="12">
        <v>1100</v>
      </c>
      <c r="E144" s="12">
        <v>0</v>
      </c>
      <c r="F144" s="12">
        <v>0</v>
      </c>
      <c r="G144" s="12">
        <v>0</v>
      </c>
      <c r="H144" s="12">
        <v>1100</v>
      </c>
      <c r="I144" s="12">
        <v>0</v>
      </c>
      <c r="J144" s="12">
        <v>0</v>
      </c>
      <c r="K144" s="12">
        <v>0</v>
      </c>
      <c r="L144" s="12">
        <v>1100</v>
      </c>
    </row>
    <row r="145" spans="1:12" x14ac:dyDescent="0.25">
      <c r="A145" s="3" t="s">
        <v>283</v>
      </c>
      <c r="B145" s="5" t="s">
        <v>470</v>
      </c>
      <c r="C145" s="11">
        <v>32538700</v>
      </c>
      <c r="D145" s="11">
        <v>32357846.52</v>
      </c>
      <c r="E145" s="11">
        <v>4282868.08</v>
      </c>
      <c r="F145" s="11">
        <v>6053197.1399999997</v>
      </c>
      <c r="G145" s="11">
        <v>0.09</v>
      </c>
      <c r="H145" s="11">
        <v>26304649.379999999</v>
      </c>
      <c r="I145" s="11">
        <v>1676369.28</v>
      </c>
      <c r="J145" s="11">
        <v>2527107.5499999998</v>
      </c>
      <c r="K145" s="11">
        <v>0.05</v>
      </c>
      <c r="L145" s="11">
        <v>29830738.969999999</v>
      </c>
    </row>
    <row r="146" spans="1:12" x14ac:dyDescent="0.25">
      <c r="A146" s="2" t="s">
        <v>285</v>
      </c>
      <c r="B146" s="4" t="s">
        <v>384</v>
      </c>
      <c r="C146" s="12">
        <v>1795800</v>
      </c>
      <c r="D146" s="12">
        <v>2784800</v>
      </c>
      <c r="E146" s="12">
        <v>1825884.84</v>
      </c>
      <c r="F146" s="12">
        <v>2056493.84</v>
      </c>
      <c r="G146" s="12">
        <v>0.03</v>
      </c>
      <c r="H146" s="12">
        <v>728306.16</v>
      </c>
      <c r="I146" s="12">
        <v>235326.48</v>
      </c>
      <c r="J146" s="12">
        <v>369838.76</v>
      </c>
      <c r="K146" s="12">
        <v>0.01</v>
      </c>
      <c r="L146" s="12">
        <v>2414961.2400000002</v>
      </c>
    </row>
    <row r="147" spans="1:12" x14ac:dyDescent="0.25">
      <c r="A147" s="2" t="s">
        <v>287</v>
      </c>
      <c r="B147" s="4" t="s">
        <v>471</v>
      </c>
      <c r="C147" s="12">
        <v>24921200</v>
      </c>
      <c r="D147" s="12">
        <v>23932200</v>
      </c>
      <c r="E147" s="12">
        <v>1887383.1</v>
      </c>
      <c r="F147" s="12">
        <v>2821008.4</v>
      </c>
      <c r="G147" s="12">
        <v>0.04</v>
      </c>
      <c r="H147" s="12">
        <v>21111191.600000001</v>
      </c>
      <c r="I147" s="12">
        <v>871785.1</v>
      </c>
      <c r="J147" s="12">
        <v>984508.4</v>
      </c>
      <c r="K147" s="12">
        <v>0.02</v>
      </c>
      <c r="L147" s="12">
        <v>22947691.600000001</v>
      </c>
    </row>
    <row r="148" spans="1:12" x14ac:dyDescent="0.25">
      <c r="A148" s="2" t="s">
        <v>289</v>
      </c>
      <c r="B148" s="4" t="s">
        <v>472</v>
      </c>
      <c r="C148" s="12">
        <v>5821700</v>
      </c>
      <c r="D148" s="12">
        <v>5640846.5199999996</v>
      </c>
      <c r="E148" s="12">
        <v>569600.14</v>
      </c>
      <c r="F148" s="12">
        <v>1175694.8999999999</v>
      </c>
      <c r="G148" s="12">
        <v>0.02</v>
      </c>
      <c r="H148" s="12">
        <v>4465151.62</v>
      </c>
      <c r="I148" s="12">
        <v>569257.69999999995</v>
      </c>
      <c r="J148" s="12">
        <v>1172760.3899999999</v>
      </c>
      <c r="K148" s="12">
        <v>0.02</v>
      </c>
      <c r="L148" s="12">
        <v>4468086.13</v>
      </c>
    </row>
    <row r="149" spans="1:12" x14ac:dyDescent="0.25">
      <c r="A149" s="3" t="s">
        <v>291</v>
      </c>
      <c r="B149" s="5" t="s">
        <v>473</v>
      </c>
      <c r="C149" s="11">
        <v>933563100</v>
      </c>
      <c r="D149" s="11">
        <v>480892404.13999999</v>
      </c>
      <c r="E149" s="11">
        <v>182996663.52000001</v>
      </c>
      <c r="F149" s="11">
        <v>286792667.69999999</v>
      </c>
      <c r="G149" s="11">
        <v>4.1399999999999997</v>
      </c>
      <c r="H149" s="11">
        <v>194099736.44</v>
      </c>
      <c r="I149" s="11">
        <v>180639930.22</v>
      </c>
      <c r="J149" s="11">
        <v>280907975.36000001</v>
      </c>
      <c r="K149" s="11">
        <v>5.36</v>
      </c>
      <c r="L149" s="11">
        <v>199984428.78</v>
      </c>
    </row>
    <row r="150" spans="1:12" x14ac:dyDescent="0.25">
      <c r="A150" s="2" t="s">
        <v>293</v>
      </c>
      <c r="B150" s="4" t="s">
        <v>474</v>
      </c>
      <c r="C150" s="12">
        <v>394903000</v>
      </c>
      <c r="D150" s="12">
        <v>100508063</v>
      </c>
      <c r="E150" s="12">
        <v>61351061.939999998</v>
      </c>
      <c r="F150" s="12">
        <v>92359152.890000001</v>
      </c>
      <c r="G150" s="12">
        <v>1.33</v>
      </c>
      <c r="H150" s="12">
        <v>8148910.1100000003</v>
      </c>
      <c r="I150" s="12">
        <v>61351061.939999998</v>
      </c>
      <c r="J150" s="12">
        <v>92359152.890000001</v>
      </c>
      <c r="K150" s="12">
        <v>1.76</v>
      </c>
      <c r="L150" s="12">
        <v>8148910.1100000003</v>
      </c>
    </row>
    <row r="151" spans="1:12" x14ac:dyDescent="0.25">
      <c r="A151" s="2" t="s">
        <v>295</v>
      </c>
      <c r="B151" s="4" t="s">
        <v>407</v>
      </c>
      <c r="C151" s="12">
        <v>204500100</v>
      </c>
      <c r="D151" s="12">
        <v>60795909</v>
      </c>
      <c r="E151" s="12">
        <v>19958824.120000001</v>
      </c>
      <c r="F151" s="12">
        <v>44966273.57</v>
      </c>
      <c r="G151" s="12">
        <v>0.65</v>
      </c>
      <c r="H151" s="12">
        <v>15829635.43</v>
      </c>
      <c r="I151" s="12">
        <v>19958824.120000001</v>
      </c>
      <c r="J151" s="12">
        <v>44966273.57</v>
      </c>
      <c r="K151" s="12">
        <v>0.86</v>
      </c>
      <c r="L151" s="12">
        <v>15829635.43</v>
      </c>
    </row>
    <row r="152" spans="1:12" x14ac:dyDescent="0.25">
      <c r="A152" s="2" t="s">
        <v>297</v>
      </c>
      <c r="B152" s="4" t="s">
        <v>475</v>
      </c>
      <c r="C152" s="12">
        <v>217000000</v>
      </c>
      <c r="D152" s="12">
        <v>159379765</v>
      </c>
      <c r="E152" s="12">
        <v>66265899.289999999</v>
      </c>
      <c r="F152" s="12">
        <v>66942370.420000002</v>
      </c>
      <c r="G152" s="12">
        <v>0.97</v>
      </c>
      <c r="H152" s="12">
        <v>92437394.579999998</v>
      </c>
      <c r="I152" s="12">
        <v>66265899.289999999</v>
      </c>
      <c r="J152" s="12">
        <v>66942370.420000002</v>
      </c>
      <c r="K152" s="12">
        <v>1.28</v>
      </c>
      <c r="L152" s="12">
        <v>92437394.579999998</v>
      </c>
    </row>
    <row r="153" spans="1:12" x14ac:dyDescent="0.25">
      <c r="A153" s="2" t="s">
        <v>299</v>
      </c>
      <c r="B153" s="4" t="s">
        <v>476</v>
      </c>
      <c r="C153" s="12">
        <v>33522500</v>
      </c>
      <c r="D153" s="12">
        <v>33522500</v>
      </c>
      <c r="E153" s="12">
        <v>5515053.2199999997</v>
      </c>
      <c r="F153" s="12">
        <v>13783135.949999999</v>
      </c>
      <c r="G153" s="12">
        <v>0.2</v>
      </c>
      <c r="H153" s="12">
        <v>19739364.050000001</v>
      </c>
      <c r="I153" s="12">
        <v>5515053.2199999997</v>
      </c>
      <c r="J153" s="12">
        <v>13783135.949999999</v>
      </c>
      <c r="K153" s="12">
        <v>0.26</v>
      </c>
      <c r="L153" s="12">
        <v>19739364.050000001</v>
      </c>
    </row>
    <row r="154" spans="1:12" x14ac:dyDescent="0.25">
      <c r="A154" s="2" t="s">
        <v>301</v>
      </c>
      <c r="B154" s="4" t="s">
        <v>381</v>
      </c>
      <c r="C154" s="12">
        <v>83637500</v>
      </c>
      <c r="D154" s="12">
        <v>126686167.14</v>
      </c>
      <c r="E154" s="12">
        <v>29905824.949999999</v>
      </c>
      <c r="F154" s="12">
        <v>68741734.870000005</v>
      </c>
      <c r="G154" s="12">
        <v>0.99</v>
      </c>
      <c r="H154" s="12">
        <v>57944432.270000003</v>
      </c>
      <c r="I154" s="12">
        <v>27549091.649999999</v>
      </c>
      <c r="J154" s="12">
        <v>62857042.530000001</v>
      </c>
      <c r="K154" s="12">
        <v>1.2</v>
      </c>
      <c r="L154" s="12">
        <v>63829124.609999999</v>
      </c>
    </row>
    <row r="155" spans="1:12" x14ac:dyDescent="0.25">
      <c r="A155" s="3" t="s">
        <v>303</v>
      </c>
      <c r="B155" s="5" t="s">
        <v>477</v>
      </c>
      <c r="C155" s="11">
        <v>134138000</v>
      </c>
      <c r="D155" s="11">
        <v>45214127</v>
      </c>
      <c r="E155" s="11">
        <v>0</v>
      </c>
      <c r="F155" s="11">
        <v>0</v>
      </c>
      <c r="G155" s="11">
        <v>0</v>
      </c>
      <c r="H155" s="11">
        <v>45214127</v>
      </c>
      <c r="I155" s="11">
        <v>0</v>
      </c>
      <c r="J155" s="11">
        <v>0</v>
      </c>
      <c r="K155" s="11">
        <v>0</v>
      </c>
      <c r="L155" s="11">
        <v>45214127</v>
      </c>
    </row>
    <row r="156" spans="1:12" x14ac:dyDescent="0.25">
      <c r="A156" s="2" t="s">
        <v>305</v>
      </c>
      <c r="B156" s="4" t="s">
        <v>478</v>
      </c>
      <c r="C156" s="12">
        <v>134138000</v>
      </c>
      <c r="D156" s="12">
        <v>45214127</v>
      </c>
      <c r="E156" s="12">
        <v>0</v>
      </c>
      <c r="F156" s="12">
        <v>0</v>
      </c>
      <c r="G156" s="12">
        <v>0</v>
      </c>
      <c r="H156" s="12">
        <v>45214127</v>
      </c>
      <c r="I156" s="12">
        <v>0</v>
      </c>
      <c r="J156" s="12">
        <v>0</v>
      </c>
      <c r="K156" s="12">
        <v>0</v>
      </c>
      <c r="L156" s="12">
        <v>45214127</v>
      </c>
    </row>
    <row r="157" spans="1:12" x14ac:dyDescent="0.25">
      <c r="A157" s="3" t="s">
        <v>307</v>
      </c>
      <c r="B157" s="5" t="s">
        <v>479</v>
      </c>
      <c r="C157" s="11">
        <v>1773627600</v>
      </c>
      <c r="D157" s="11">
        <v>1943791784.79</v>
      </c>
      <c r="E157" s="11">
        <v>303958242.52999997</v>
      </c>
      <c r="F157" s="11">
        <v>773727150.69000006</v>
      </c>
      <c r="G157" s="11">
        <v>11.17</v>
      </c>
      <c r="H157" s="11">
        <v>1170064634.0999999</v>
      </c>
      <c r="I157" s="11">
        <v>329915976.04000002</v>
      </c>
      <c r="J157" s="11">
        <v>661254091.65999997</v>
      </c>
      <c r="K157" s="11">
        <v>12.61</v>
      </c>
      <c r="L157" s="11">
        <v>1282537693.1300001</v>
      </c>
    </row>
    <row r="158" spans="1:12" x14ac:dyDescent="0.25">
      <c r="A158" s="3" t="s">
        <v>309</v>
      </c>
      <c r="B158" s="5" t="s">
        <v>378</v>
      </c>
      <c r="C158" s="11">
        <v>111950000</v>
      </c>
      <c r="D158" s="11">
        <v>111950000</v>
      </c>
      <c r="E158" s="11">
        <v>16120050.65</v>
      </c>
      <c r="F158" s="11">
        <v>32237227.25</v>
      </c>
      <c r="G158" s="11">
        <v>0.46</v>
      </c>
      <c r="H158" s="11">
        <v>79712772.75</v>
      </c>
      <c r="I158" s="11">
        <v>16120050.65</v>
      </c>
      <c r="J158" s="11">
        <v>32237227.25</v>
      </c>
      <c r="K158" s="11">
        <v>0.61</v>
      </c>
      <c r="L158" s="11">
        <v>79712772.75</v>
      </c>
    </row>
    <row r="159" spans="1:12" x14ac:dyDescent="0.25">
      <c r="A159" s="2" t="s">
        <v>311</v>
      </c>
      <c r="B159" s="4" t="s">
        <v>379</v>
      </c>
      <c r="C159" s="12">
        <v>51350000</v>
      </c>
      <c r="D159" s="12">
        <v>51350000</v>
      </c>
      <c r="E159" s="12">
        <v>7391720.4000000004</v>
      </c>
      <c r="F159" s="12">
        <v>14809538.779999999</v>
      </c>
      <c r="G159" s="12">
        <v>0.21</v>
      </c>
      <c r="H159" s="12">
        <v>36540461.219999999</v>
      </c>
      <c r="I159" s="12">
        <v>7391720.4000000004</v>
      </c>
      <c r="J159" s="12">
        <v>14809538.779999999</v>
      </c>
      <c r="K159" s="12">
        <v>0.28000000000000003</v>
      </c>
      <c r="L159" s="12">
        <v>36540461.219999999</v>
      </c>
    </row>
    <row r="160" spans="1:12" x14ac:dyDescent="0.25">
      <c r="A160" s="2" t="s">
        <v>313</v>
      </c>
      <c r="B160" s="4" t="s">
        <v>380</v>
      </c>
      <c r="C160" s="12">
        <v>60600000</v>
      </c>
      <c r="D160" s="12">
        <v>60600000</v>
      </c>
      <c r="E160" s="12">
        <v>8728330.25</v>
      </c>
      <c r="F160" s="12">
        <v>17427688.469999999</v>
      </c>
      <c r="G160" s="12">
        <v>0.25</v>
      </c>
      <c r="H160" s="12">
        <v>43172311.530000001</v>
      </c>
      <c r="I160" s="12">
        <v>8728330.25</v>
      </c>
      <c r="J160" s="12">
        <v>17427688.469999999</v>
      </c>
      <c r="K160" s="12">
        <v>0.33</v>
      </c>
      <c r="L160" s="12">
        <v>43172311.530000001</v>
      </c>
    </row>
    <row r="161" spans="1:12" x14ac:dyDescent="0.25">
      <c r="A161" s="3" t="s">
        <v>315</v>
      </c>
      <c r="B161" s="5" t="s">
        <v>382</v>
      </c>
      <c r="C161" s="11">
        <v>176151000</v>
      </c>
      <c r="D161" s="11">
        <v>173878000</v>
      </c>
      <c r="E161" s="11">
        <v>0</v>
      </c>
      <c r="F161" s="11">
        <v>164528000</v>
      </c>
      <c r="G161" s="11">
        <v>2.38</v>
      </c>
      <c r="H161" s="11">
        <v>9350000</v>
      </c>
      <c r="I161" s="11">
        <v>26153151.920000002</v>
      </c>
      <c r="J161" s="11">
        <v>52276546.090000004</v>
      </c>
      <c r="K161" s="11">
        <v>1</v>
      </c>
      <c r="L161" s="11">
        <v>121601453.91</v>
      </c>
    </row>
    <row r="162" spans="1:12" x14ac:dyDescent="0.25">
      <c r="A162" s="2" t="s">
        <v>317</v>
      </c>
      <c r="B162" s="4" t="s">
        <v>384</v>
      </c>
      <c r="C162" s="12">
        <v>176151000</v>
      </c>
      <c r="D162" s="12">
        <v>173878000</v>
      </c>
      <c r="E162" s="12">
        <v>0</v>
      </c>
      <c r="F162" s="12">
        <v>164528000</v>
      </c>
      <c r="G162" s="12">
        <v>2.38</v>
      </c>
      <c r="H162" s="12">
        <v>9350000</v>
      </c>
      <c r="I162" s="12">
        <v>26153151.920000002</v>
      </c>
      <c r="J162" s="12">
        <v>52276546.090000004</v>
      </c>
      <c r="K162" s="12">
        <v>1</v>
      </c>
      <c r="L162" s="12">
        <v>121601453.91</v>
      </c>
    </row>
    <row r="163" spans="1:12" x14ac:dyDescent="0.25">
      <c r="A163" s="3" t="s">
        <v>319</v>
      </c>
      <c r="B163" s="5" t="s">
        <v>388</v>
      </c>
      <c r="C163" s="11">
        <v>100710600</v>
      </c>
      <c r="D163" s="11">
        <v>100638032.95999999</v>
      </c>
      <c r="E163" s="11">
        <v>14330553.08</v>
      </c>
      <c r="F163" s="11">
        <v>28536592.420000002</v>
      </c>
      <c r="G163" s="11">
        <v>0.41</v>
      </c>
      <c r="H163" s="11">
        <v>72101440.540000007</v>
      </c>
      <c r="I163" s="11">
        <v>14330553.08</v>
      </c>
      <c r="J163" s="11">
        <v>28536592.420000002</v>
      </c>
      <c r="K163" s="11">
        <v>0.54</v>
      </c>
      <c r="L163" s="11">
        <v>72101440.540000007</v>
      </c>
    </row>
    <row r="164" spans="1:12" x14ac:dyDescent="0.25">
      <c r="A164" s="2" t="s">
        <v>321</v>
      </c>
      <c r="B164" s="4" t="s">
        <v>389</v>
      </c>
      <c r="C164" s="12">
        <v>53703600</v>
      </c>
      <c r="D164" s="12">
        <v>53633600</v>
      </c>
      <c r="E164" s="12">
        <v>7572892.9900000002</v>
      </c>
      <c r="F164" s="12">
        <v>15020653.18</v>
      </c>
      <c r="G164" s="12">
        <v>0.22</v>
      </c>
      <c r="H164" s="12">
        <v>38612946.82</v>
      </c>
      <c r="I164" s="12">
        <v>7572892.9900000002</v>
      </c>
      <c r="J164" s="12">
        <v>15020653.18</v>
      </c>
      <c r="K164" s="12">
        <v>0.28999999999999998</v>
      </c>
      <c r="L164" s="12">
        <v>38612946.82</v>
      </c>
    </row>
    <row r="165" spans="1:12" x14ac:dyDescent="0.25">
      <c r="A165" s="2" t="s">
        <v>323</v>
      </c>
      <c r="B165" s="4" t="s">
        <v>390</v>
      </c>
      <c r="C165" s="12">
        <v>16622000</v>
      </c>
      <c r="D165" s="12">
        <v>16622000</v>
      </c>
      <c r="E165" s="12">
        <v>2193873.34</v>
      </c>
      <c r="F165" s="12">
        <v>4399583.5</v>
      </c>
      <c r="G165" s="12">
        <v>0.06</v>
      </c>
      <c r="H165" s="12">
        <v>12222416.5</v>
      </c>
      <c r="I165" s="12">
        <v>2193873.34</v>
      </c>
      <c r="J165" s="12">
        <v>4399583.5</v>
      </c>
      <c r="K165" s="12">
        <v>0.08</v>
      </c>
      <c r="L165" s="12">
        <v>12222416.5</v>
      </c>
    </row>
    <row r="166" spans="1:12" x14ac:dyDescent="0.25">
      <c r="A166" s="2" t="s">
        <v>325</v>
      </c>
      <c r="B166" s="4" t="s">
        <v>386</v>
      </c>
      <c r="C166" s="12">
        <v>5000</v>
      </c>
      <c r="D166" s="12">
        <v>500</v>
      </c>
      <c r="E166" s="12">
        <v>0</v>
      </c>
      <c r="F166" s="12">
        <v>0</v>
      </c>
      <c r="G166" s="12">
        <v>0</v>
      </c>
      <c r="H166" s="12">
        <v>500</v>
      </c>
      <c r="I166" s="12">
        <v>0</v>
      </c>
      <c r="J166" s="12">
        <v>0</v>
      </c>
      <c r="K166" s="12">
        <v>0</v>
      </c>
      <c r="L166" s="12">
        <v>500</v>
      </c>
    </row>
    <row r="167" spans="1:12" x14ac:dyDescent="0.25">
      <c r="A167" s="2" t="s">
        <v>327</v>
      </c>
      <c r="B167" s="4" t="s">
        <v>391</v>
      </c>
      <c r="C167" s="12">
        <v>30380000</v>
      </c>
      <c r="D167" s="12">
        <v>30381932.960000001</v>
      </c>
      <c r="E167" s="12">
        <v>4563786.75</v>
      </c>
      <c r="F167" s="12">
        <v>9116355.7400000002</v>
      </c>
      <c r="G167" s="12">
        <v>0.13</v>
      </c>
      <c r="H167" s="12">
        <v>21265577.219999999</v>
      </c>
      <c r="I167" s="12">
        <v>4563786.75</v>
      </c>
      <c r="J167" s="12">
        <v>9116355.7400000002</v>
      </c>
      <c r="K167" s="12">
        <v>0.17</v>
      </c>
      <c r="L167" s="12">
        <v>21265577.219999999</v>
      </c>
    </row>
    <row r="168" spans="1:12" x14ac:dyDescent="0.25">
      <c r="A168" s="3" t="s">
        <v>328</v>
      </c>
      <c r="B168" s="5" t="s">
        <v>392</v>
      </c>
      <c r="C168" s="11">
        <v>300665700</v>
      </c>
      <c r="D168" s="11">
        <v>328299038</v>
      </c>
      <c r="E168" s="11">
        <v>61318889.93</v>
      </c>
      <c r="F168" s="11">
        <v>121493801.34</v>
      </c>
      <c r="G168" s="11">
        <v>1.75</v>
      </c>
      <c r="H168" s="11">
        <v>206805236.66</v>
      </c>
      <c r="I168" s="11">
        <v>61317798.189999998</v>
      </c>
      <c r="J168" s="11">
        <v>121471209.86</v>
      </c>
      <c r="K168" s="11">
        <v>2.3199999999999998</v>
      </c>
      <c r="L168" s="11">
        <v>206827828.13999999</v>
      </c>
    </row>
    <row r="169" spans="1:12" x14ac:dyDescent="0.25">
      <c r="A169" s="2" t="s">
        <v>329</v>
      </c>
      <c r="B169" s="4" t="s">
        <v>384</v>
      </c>
      <c r="C169" s="12">
        <v>296232700</v>
      </c>
      <c r="D169" s="12">
        <v>323734700</v>
      </c>
      <c r="E169" s="12">
        <v>60868046.43</v>
      </c>
      <c r="F169" s="12">
        <v>120547745.59999999</v>
      </c>
      <c r="G169" s="12">
        <v>1.74</v>
      </c>
      <c r="H169" s="12">
        <v>203186954.40000001</v>
      </c>
      <c r="I169" s="12">
        <v>60868046.43</v>
      </c>
      <c r="J169" s="12">
        <v>120547745.59999999</v>
      </c>
      <c r="K169" s="12">
        <v>2.2999999999999998</v>
      </c>
      <c r="L169" s="12">
        <v>203186954.40000001</v>
      </c>
    </row>
    <row r="170" spans="1:12" x14ac:dyDescent="0.25">
      <c r="A170" s="2" t="s">
        <v>330</v>
      </c>
      <c r="B170" s="4" t="s">
        <v>393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  <c r="J170" s="12">
        <v>0</v>
      </c>
      <c r="K170" s="12">
        <v>0</v>
      </c>
      <c r="L170" s="12">
        <v>0</v>
      </c>
    </row>
    <row r="171" spans="1:12" x14ac:dyDescent="0.25">
      <c r="A171" s="2" t="s">
        <v>331</v>
      </c>
      <c r="B171" s="4" t="s">
        <v>394</v>
      </c>
      <c r="C171" s="12">
        <v>4238000</v>
      </c>
      <c r="D171" s="12">
        <v>4211438</v>
      </c>
      <c r="E171" s="12">
        <v>456156.94</v>
      </c>
      <c r="F171" s="12">
        <v>909917.72</v>
      </c>
      <c r="G171" s="12">
        <v>0.01</v>
      </c>
      <c r="H171" s="12">
        <v>3301520.28</v>
      </c>
      <c r="I171" s="12">
        <v>456156.94</v>
      </c>
      <c r="J171" s="12">
        <v>909917.72</v>
      </c>
      <c r="K171" s="12">
        <v>0.02</v>
      </c>
      <c r="L171" s="12">
        <v>3301520.28</v>
      </c>
    </row>
    <row r="172" spans="1:12" x14ac:dyDescent="0.25">
      <c r="A172" s="2" t="s">
        <v>332</v>
      </c>
      <c r="B172" s="4" t="s">
        <v>396</v>
      </c>
      <c r="C172" s="12">
        <v>195000</v>
      </c>
      <c r="D172" s="12">
        <v>352900</v>
      </c>
      <c r="E172" s="12">
        <v>-5313.44</v>
      </c>
      <c r="F172" s="12">
        <v>36138.019999999997</v>
      </c>
      <c r="G172" s="12">
        <v>0</v>
      </c>
      <c r="H172" s="12">
        <v>316761.98</v>
      </c>
      <c r="I172" s="12">
        <v>-6405.18</v>
      </c>
      <c r="J172" s="12">
        <v>13546.54</v>
      </c>
      <c r="K172" s="12">
        <v>0</v>
      </c>
      <c r="L172" s="12">
        <v>339353.46</v>
      </c>
    </row>
    <row r="173" spans="1:12" x14ac:dyDescent="0.25">
      <c r="A173" s="3" t="s">
        <v>333</v>
      </c>
      <c r="B173" s="5" t="s">
        <v>398</v>
      </c>
      <c r="C173" s="11">
        <v>227976000</v>
      </c>
      <c r="D173" s="11">
        <v>357790460</v>
      </c>
      <c r="E173" s="11">
        <v>36818500.420000002</v>
      </c>
      <c r="F173" s="11">
        <v>73270910.450000003</v>
      </c>
      <c r="G173" s="11">
        <v>1.06</v>
      </c>
      <c r="H173" s="11">
        <v>284519549.55000001</v>
      </c>
      <c r="I173" s="11">
        <v>36818500.420000002</v>
      </c>
      <c r="J173" s="11">
        <v>73270910.450000003</v>
      </c>
      <c r="K173" s="11">
        <v>1.4</v>
      </c>
      <c r="L173" s="11">
        <v>284519549.55000001</v>
      </c>
    </row>
    <row r="174" spans="1:12" x14ac:dyDescent="0.25">
      <c r="A174" s="2" t="s">
        <v>334</v>
      </c>
      <c r="B174" s="4" t="s">
        <v>384</v>
      </c>
      <c r="C174" s="12">
        <v>227976000</v>
      </c>
      <c r="D174" s="12">
        <v>357790460</v>
      </c>
      <c r="E174" s="12">
        <v>36818500.420000002</v>
      </c>
      <c r="F174" s="12">
        <v>73270910.450000003</v>
      </c>
      <c r="G174" s="12">
        <v>1.06</v>
      </c>
      <c r="H174" s="12">
        <v>284519549.55000001</v>
      </c>
      <c r="I174" s="12">
        <v>36818500.420000002</v>
      </c>
      <c r="J174" s="12">
        <v>73270910.450000003</v>
      </c>
      <c r="K174" s="12">
        <v>1.4</v>
      </c>
      <c r="L174" s="12">
        <v>284519549.55000001</v>
      </c>
    </row>
    <row r="175" spans="1:12" x14ac:dyDescent="0.25">
      <c r="A175" s="2" t="s">
        <v>335</v>
      </c>
      <c r="B175" s="4" t="s">
        <v>399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  <c r="J175" s="12">
        <v>0</v>
      </c>
      <c r="K175" s="12">
        <v>0</v>
      </c>
      <c r="L175" s="12">
        <v>0</v>
      </c>
    </row>
    <row r="176" spans="1:12" x14ac:dyDescent="0.25">
      <c r="A176" s="3" t="s">
        <v>337</v>
      </c>
      <c r="B176" s="5" t="s">
        <v>403</v>
      </c>
      <c r="C176" s="11">
        <v>9100000</v>
      </c>
      <c r="D176" s="11">
        <v>16956000</v>
      </c>
      <c r="E176" s="11">
        <v>1291929.3400000001</v>
      </c>
      <c r="F176" s="11">
        <v>2546236.5099999998</v>
      </c>
      <c r="G176" s="11">
        <v>0.04</v>
      </c>
      <c r="H176" s="11">
        <v>14409763.49</v>
      </c>
      <c r="I176" s="11">
        <v>1291929.3400000001</v>
      </c>
      <c r="J176" s="11">
        <v>2546236.5099999998</v>
      </c>
      <c r="K176" s="11">
        <v>0.05</v>
      </c>
      <c r="L176" s="11">
        <v>14409763.49</v>
      </c>
    </row>
    <row r="177" spans="1:12" x14ac:dyDescent="0.25">
      <c r="A177" s="2" t="s">
        <v>339</v>
      </c>
      <c r="B177" s="4" t="s">
        <v>384</v>
      </c>
      <c r="C177" s="12">
        <v>9100000</v>
      </c>
      <c r="D177" s="12">
        <v>16956000</v>
      </c>
      <c r="E177" s="12">
        <v>1291929.3400000001</v>
      </c>
      <c r="F177" s="12">
        <v>2546236.5099999998</v>
      </c>
      <c r="G177" s="12">
        <v>0.04</v>
      </c>
      <c r="H177" s="12">
        <v>14409763.49</v>
      </c>
      <c r="I177" s="12">
        <v>1291929.3400000001</v>
      </c>
      <c r="J177" s="12">
        <v>2546236.5099999998</v>
      </c>
      <c r="K177" s="12">
        <v>0.05</v>
      </c>
      <c r="L177" s="12">
        <v>14409763.49</v>
      </c>
    </row>
    <row r="178" spans="1:12" x14ac:dyDescent="0.25">
      <c r="A178" s="2" t="s">
        <v>341</v>
      </c>
      <c r="B178" s="4" t="s">
        <v>405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  <c r="J178" s="12">
        <v>0</v>
      </c>
      <c r="K178" s="12">
        <v>0</v>
      </c>
      <c r="L178" s="12">
        <v>0</v>
      </c>
    </row>
    <row r="179" spans="1:12" x14ac:dyDescent="0.25">
      <c r="A179" s="3" t="s">
        <v>343</v>
      </c>
      <c r="B179" s="5" t="s">
        <v>409</v>
      </c>
      <c r="C179" s="11">
        <v>4947600</v>
      </c>
      <c r="D179" s="11">
        <v>43318809.920000002</v>
      </c>
      <c r="E179" s="11">
        <v>14856104.41</v>
      </c>
      <c r="F179" s="11">
        <v>29136317.129999999</v>
      </c>
      <c r="G179" s="11">
        <v>0.42</v>
      </c>
      <c r="H179" s="11">
        <v>14182492.789999999</v>
      </c>
      <c r="I179" s="11">
        <v>14856104.41</v>
      </c>
      <c r="J179" s="11">
        <v>29136317.129999999</v>
      </c>
      <c r="K179" s="11">
        <v>0.55000000000000004</v>
      </c>
      <c r="L179" s="11">
        <v>14182492.789999999</v>
      </c>
    </row>
    <row r="180" spans="1:12" x14ac:dyDescent="0.25">
      <c r="A180" s="2" t="s">
        <v>346</v>
      </c>
      <c r="B180" s="4" t="s">
        <v>384</v>
      </c>
      <c r="C180" s="12">
        <v>0</v>
      </c>
      <c r="D180" s="12">
        <v>21963709.920000002</v>
      </c>
      <c r="E180" s="12">
        <v>7584082.0499999998</v>
      </c>
      <c r="F180" s="12">
        <v>14820577.130000001</v>
      </c>
      <c r="G180" s="12">
        <v>0.21</v>
      </c>
      <c r="H180" s="12">
        <v>7143132.79</v>
      </c>
      <c r="I180" s="12">
        <v>7584082.0499999998</v>
      </c>
      <c r="J180" s="12">
        <v>14820577.130000001</v>
      </c>
      <c r="K180" s="12">
        <v>0.28000000000000003</v>
      </c>
      <c r="L180" s="12">
        <v>7143132.79</v>
      </c>
    </row>
    <row r="181" spans="1:12" x14ac:dyDescent="0.25">
      <c r="A181" s="2" t="s">
        <v>348</v>
      </c>
      <c r="B181" s="4" t="s">
        <v>411</v>
      </c>
      <c r="C181" s="12">
        <v>4947600</v>
      </c>
      <c r="D181" s="12">
        <v>21355100</v>
      </c>
      <c r="E181" s="12">
        <v>7272022.3600000003</v>
      </c>
      <c r="F181" s="12">
        <v>14315740</v>
      </c>
      <c r="G181" s="12">
        <v>0.21</v>
      </c>
      <c r="H181" s="12">
        <v>7039360</v>
      </c>
      <c r="I181" s="12">
        <v>7272022.3600000003</v>
      </c>
      <c r="J181" s="12">
        <v>14315740</v>
      </c>
      <c r="K181" s="12">
        <v>0.27</v>
      </c>
      <c r="L181" s="12">
        <v>7039360</v>
      </c>
    </row>
    <row r="182" spans="1:12" x14ac:dyDescent="0.25">
      <c r="A182" s="3" t="s">
        <v>350</v>
      </c>
      <c r="B182" s="5" t="s">
        <v>417</v>
      </c>
      <c r="C182" s="11">
        <v>1805000</v>
      </c>
      <c r="D182" s="11">
        <v>1805000</v>
      </c>
      <c r="E182" s="11">
        <v>403178.57</v>
      </c>
      <c r="F182" s="11">
        <v>992541.32</v>
      </c>
      <c r="G182" s="11">
        <v>0.01</v>
      </c>
      <c r="H182" s="11">
        <v>812458.68</v>
      </c>
      <c r="I182" s="11">
        <v>403178.57</v>
      </c>
      <c r="J182" s="11">
        <v>992541.32</v>
      </c>
      <c r="K182" s="11">
        <v>0.02</v>
      </c>
      <c r="L182" s="11">
        <v>812458.68</v>
      </c>
    </row>
    <row r="183" spans="1:12" x14ac:dyDescent="0.25">
      <c r="A183" s="2" t="s">
        <v>352</v>
      </c>
      <c r="B183" s="4" t="s">
        <v>384</v>
      </c>
      <c r="C183" s="12">
        <v>1805000</v>
      </c>
      <c r="D183" s="12">
        <v>1805000</v>
      </c>
      <c r="E183" s="12">
        <v>403178.57</v>
      </c>
      <c r="F183" s="12">
        <v>992541.32</v>
      </c>
      <c r="G183" s="12">
        <v>0.01</v>
      </c>
      <c r="H183" s="12">
        <v>812458.68</v>
      </c>
      <c r="I183" s="12">
        <v>403178.57</v>
      </c>
      <c r="J183" s="12">
        <v>992541.32</v>
      </c>
      <c r="K183" s="12">
        <v>0.02</v>
      </c>
      <c r="L183" s="12">
        <v>812458.68</v>
      </c>
    </row>
    <row r="184" spans="1:12" x14ac:dyDescent="0.25">
      <c r="A184" s="3" t="s">
        <v>354</v>
      </c>
      <c r="B184" s="5" t="s">
        <v>419</v>
      </c>
      <c r="C184" s="11">
        <v>654643400</v>
      </c>
      <c r="D184" s="11">
        <v>650102809.38</v>
      </c>
      <c r="E184" s="11">
        <v>132772104.09</v>
      </c>
      <c r="F184" s="11">
        <v>265943994.62</v>
      </c>
      <c r="G184" s="11">
        <v>3.84</v>
      </c>
      <c r="H184" s="11">
        <v>384158814.75999999</v>
      </c>
      <c r="I184" s="11">
        <v>132668238.58</v>
      </c>
      <c r="J184" s="11">
        <v>265837445.03999999</v>
      </c>
      <c r="K184" s="11">
        <v>5.07</v>
      </c>
      <c r="L184" s="11">
        <v>384265364.33999997</v>
      </c>
    </row>
    <row r="185" spans="1:12" x14ac:dyDescent="0.25">
      <c r="A185" s="2" t="s">
        <v>356</v>
      </c>
      <c r="B185" s="4" t="s">
        <v>384</v>
      </c>
      <c r="C185" s="12">
        <v>654398900</v>
      </c>
      <c r="D185" s="12">
        <v>649858309.38</v>
      </c>
      <c r="E185" s="12">
        <v>132772104.09</v>
      </c>
      <c r="F185" s="12">
        <v>265943994.62</v>
      </c>
      <c r="G185" s="12">
        <v>3.84</v>
      </c>
      <c r="H185" s="12">
        <v>383914314.75999999</v>
      </c>
      <c r="I185" s="12">
        <v>132668238.58</v>
      </c>
      <c r="J185" s="12">
        <v>265837445.03999999</v>
      </c>
      <c r="K185" s="12">
        <v>5.07</v>
      </c>
      <c r="L185" s="12">
        <v>384020864.33999997</v>
      </c>
    </row>
    <row r="186" spans="1:12" x14ac:dyDescent="0.25">
      <c r="A186" s="2" t="s">
        <v>358</v>
      </c>
      <c r="B186" s="4" t="s">
        <v>425</v>
      </c>
      <c r="C186" s="12">
        <v>244500</v>
      </c>
      <c r="D186" s="12">
        <v>244500</v>
      </c>
      <c r="E186" s="12">
        <v>0</v>
      </c>
      <c r="F186" s="12">
        <v>0</v>
      </c>
      <c r="G186" s="12">
        <v>0</v>
      </c>
      <c r="H186" s="12">
        <v>244500</v>
      </c>
      <c r="I186" s="12">
        <v>0</v>
      </c>
      <c r="J186" s="12">
        <v>0</v>
      </c>
      <c r="K186" s="12">
        <v>0</v>
      </c>
      <c r="L186" s="12">
        <v>244500</v>
      </c>
    </row>
    <row r="187" spans="1:12" x14ac:dyDescent="0.25">
      <c r="A187" s="3" t="s">
        <v>360</v>
      </c>
      <c r="B187" s="5" t="s">
        <v>427</v>
      </c>
      <c r="C187" s="11">
        <v>3334600</v>
      </c>
      <c r="D187" s="11">
        <v>3334600</v>
      </c>
      <c r="E187" s="11">
        <v>475259.57</v>
      </c>
      <c r="F187" s="11">
        <v>1136853.05</v>
      </c>
      <c r="G187" s="11">
        <v>0.02</v>
      </c>
      <c r="H187" s="11">
        <v>2197746.9500000002</v>
      </c>
      <c r="I187" s="11">
        <v>475259.57</v>
      </c>
      <c r="J187" s="11">
        <v>1136853.05</v>
      </c>
      <c r="K187" s="11">
        <v>0.02</v>
      </c>
      <c r="L187" s="11">
        <v>2197746.9500000002</v>
      </c>
    </row>
    <row r="188" spans="1:12" x14ac:dyDescent="0.25">
      <c r="A188" s="2" t="s">
        <v>362</v>
      </c>
      <c r="B188" s="4" t="s">
        <v>384</v>
      </c>
      <c r="C188" s="12">
        <v>3334600</v>
      </c>
      <c r="D188" s="12">
        <v>3334600</v>
      </c>
      <c r="E188" s="12">
        <v>475259.57</v>
      </c>
      <c r="F188" s="12">
        <v>1136853.05</v>
      </c>
      <c r="G188" s="12">
        <v>0.02</v>
      </c>
      <c r="H188" s="12">
        <v>2197746.9500000002</v>
      </c>
      <c r="I188" s="12">
        <v>475259.57</v>
      </c>
      <c r="J188" s="12">
        <v>1136853.05</v>
      </c>
      <c r="K188" s="12">
        <v>0.02</v>
      </c>
      <c r="L188" s="12">
        <v>2197746.9500000002</v>
      </c>
    </row>
    <row r="189" spans="1:12" x14ac:dyDescent="0.25">
      <c r="A189" s="3" t="s">
        <v>364</v>
      </c>
      <c r="B189" s="5" t="s">
        <v>430</v>
      </c>
      <c r="C189" s="11">
        <v>49660000</v>
      </c>
      <c r="D189" s="11">
        <v>49660000</v>
      </c>
      <c r="E189" s="11">
        <v>7064645.2199999997</v>
      </c>
      <c r="F189" s="11">
        <v>16692858.65</v>
      </c>
      <c r="G189" s="11">
        <v>0.24</v>
      </c>
      <c r="H189" s="11">
        <v>32967141.350000001</v>
      </c>
      <c r="I189" s="11">
        <v>7064645.2199999997</v>
      </c>
      <c r="J189" s="11">
        <v>16692858.65</v>
      </c>
      <c r="K189" s="11">
        <v>0.32</v>
      </c>
      <c r="L189" s="11">
        <v>32967141.350000001</v>
      </c>
    </row>
    <row r="190" spans="1:12" x14ac:dyDescent="0.25">
      <c r="A190" s="2" t="s">
        <v>480</v>
      </c>
      <c r="B190" s="4" t="s">
        <v>395</v>
      </c>
      <c r="C190" s="12">
        <v>0</v>
      </c>
      <c r="D190" s="12">
        <v>0</v>
      </c>
      <c r="E190" s="12">
        <v>0</v>
      </c>
      <c r="F190" s="12">
        <v>0</v>
      </c>
      <c r="G190" s="12">
        <v>0</v>
      </c>
      <c r="H190" s="12">
        <v>0</v>
      </c>
      <c r="I190" s="12">
        <v>0</v>
      </c>
      <c r="J190" s="12">
        <v>0</v>
      </c>
      <c r="K190" s="12">
        <v>0</v>
      </c>
      <c r="L190" s="12">
        <v>0</v>
      </c>
    </row>
    <row r="191" spans="1:12" x14ac:dyDescent="0.25">
      <c r="A191" s="2" t="s">
        <v>481</v>
      </c>
      <c r="B191" s="4" t="s">
        <v>402</v>
      </c>
      <c r="C191" s="12">
        <v>49660000</v>
      </c>
      <c r="D191" s="12">
        <v>49660000</v>
      </c>
      <c r="E191" s="12">
        <v>7064645.2199999997</v>
      </c>
      <c r="F191" s="12">
        <v>16692858.65</v>
      </c>
      <c r="G191" s="12">
        <v>0.24</v>
      </c>
      <c r="H191" s="12">
        <v>32967141.350000001</v>
      </c>
      <c r="I191" s="12">
        <v>7064645.2199999997</v>
      </c>
      <c r="J191" s="12">
        <v>16692858.65</v>
      </c>
      <c r="K191" s="12">
        <v>0.32</v>
      </c>
      <c r="L191" s="12">
        <v>32967141.350000001</v>
      </c>
    </row>
    <row r="192" spans="1:12" x14ac:dyDescent="0.25">
      <c r="A192" s="3" t="s">
        <v>482</v>
      </c>
      <c r="B192" s="5" t="s">
        <v>434</v>
      </c>
      <c r="C192" s="11">
        <v>1335800</v>
      </c>
      <c r="D192" s="11">
        <v>1335800</v>
      </c>
      <c r="E192" s="11">
        <v>207063.99</v>
      </c>
      <c r="F192" s="11">
        <v>412095.95</v>
      </c>
      <c r="G192" s="11">
        <v>0.01</v>
      </c>
      <c r="H192" s="11">
        <v>923704.05</v>
      </c>
      <c r="I192" s="11">
        <v>207063.99</v>
      </c>
      <c r="J192" s="11">
        <v>412095.95</v>
      </c>
      <c r="K192" s="11">
        <v>0.01</v>
      </c>
      <c r="L192" s="11">
        <v>923704.05</v>
      </c>
    </row>
    <row r="193" spans="1:12" x14ac:dyDescent="0.25">
      <c r="A193" s="2" t="s">
        <v>483</v>
      </c>
      <c r="B193" s="4" t="s">
        <v>384</v>
      </c>
      <c r="C193" s="12">
        <v>1335800</v>
      </c>
      <c r="D193" s="12">
        <v>1335800</v>
      </c>
      <c r="E193" s="12">
        <v>207063.99</v>
      </c>
      <c r="F193" s="12">
        <v>412095.95</v>
      </c>
      <c r="G193" s="12">
        <v>0.01</v>
      </c>
      <c r="H193" s="12">
        <v>923704.05</v>
      </c>
      <c r="I193" s="12">
        <v>207063.99</v>
      </c>
      <c r="J193" s="12">
        <v>412095.95</v>
      </c>
      <c r="K193" s="12">
        <v>0.01</v>
      </c>
      <c r="L193" s="12">
        <v>923704.05</v>
      </c>
    </row>
    <row r="194" spans="1:12" x14ac:dyDescent="0.25">
      <c r="A194" s="3" t="s">
        <v>484</v>
      </c>
      <c r="B194" s="5" t="s">
        <v>438</v>
      </c>
      <c r="C194" s="11">
        <v>10000000</v>
      </c>
      <c r="D194" s="11">
        <v>10075148.189999999</v>
      </c>
      <c r="E194" s="11">
        <v>976924.74</v>
      </c>
      <c r="F194" s="11">
        <v>2386223.59</v>
      </c>
      <c r="G194" s="11">
        <v>0.03</v>
      </c>
      <c r="H194" s="11">
        <v>7688924.5999999996</v>
      </c>
      <c r="I194" s="11">
        <v>976924.74</v>
      </c>
      <c r="J194" s="11">
        <v>2386223.59</v>
      </c>
      <c r="K194" s="11">
        <v>0.05</v>
      </c>
      <c r="L194" s="11">
        <v>7688924.5999999996</v>
      </c>
    </row>
    <row r="195" spans="1:12" x14ac:dyDescent="0.25">
      <c r="A195" s="2" t="s">
        <v>485</v>
      </c>
      <c r="B195" s="4" t="s">
        <v>384</v>
      </c>
      <c r="C195" s="12">
        <v>10000000</v>
      </c>
      <c r="D195" s="12">
        <v>10075148.189999999</v>
      </c>
      <c r="E195" s="12">
        <v>976924.74</v>
      </c>
      <c r="F195" s="12">
        <v>2386223.59</v>
      </c>
      <c r="G195" s="12">
        <v>0.03</v>
      </c>
      <c r="H195" s="12">
        <v>7688924.5999999996</v>
      </c>
      <c r="I195" s="12">
        <v>976924.74</v>
      </c>
      <c r="J195" s="12">
        <v>2386223.59</v>
      </c>
      <c r="K195" s="12">
        <v>0.05</v>
      </c>
      <c r="L195" s="12">
        <v>7688924.5999999996</v>
      </c>
    </row>
    <row r="196" spans="1:12" x14ac:dyDescent="0.25">
      <c r="A196" s="3" t="s">
        <v>486</v>
      </c>
      <c r="B196" s="5" t="s">
        <v>445</v>
      </c>
      <c r="C196" s="11">
        <v>39525000</v>
      </c>
      <c r="D196" s="11">
        <v>39525000</v>
      </c>
      <c r="E196" s="11">
        <v>6363308.3300000001</v>
      </c>
      <c r="F196" s="11">
        <v>12688222.939999999</v>
      </c>
      <c r="G196" s="11">
        <v>0.18</v>
      </c>
      <c r="H196" s="11">
        <v>26836777.059999999</v>
      </c>
      <c r="I196" s="11">
        <v>6363308.3300000001</v>
      </c>
      <c r="J196" s="11">
        <v>12688222.939999999</v>
      </c>
      <c r="K196" s="11">
        <v>0.24</v>
      </c>
      <c r="L196" s="11">
        <v>26836777.059999999</v>
      </c>
    </row>
    <row r="197" spans="1:12" x14ac:dyDescent="0.25">
      <c r="A197" s="2" t="s">
        <v>487</v>
      </c>
      <c r="B197" s="4" t="s">
        <v>384</v>
      </c>
      <c r="C197" s="12">
        <v>39525000</v>
      </c>
      <c r="D197" s="12">
        <v>39525000</v>
      </c>
      <c r="E197" s="12">
        <v>6363308.3300000001</v>
      </c>
      <c r="F197" s="12">
        <v>12688222.939999999</v>
      </c>
      <c r="G197" s="12">
        <v>0.18</v>
      </c>
      <c r="H197" s="12">
        <v>26836777.059999999</v>
      </c>
      <c r="I197" s="12">
        <v>6363308.3300000001</v>
      </c>
      <c r="J197" s="12">
        <v>12688222.939999999</v>
      </c>
      <c r="K197" s="12">
        <v>0.24</v>
      </c>
      <c r="L197" s="12">
        <v>26836777.059999999</v>
      </c>
    </row>
    <row r="198" spans="1:12" x14ac:dyDescent="0.25">
      <c r="A198" s="3" t="s">
        <v>488</v>
      </c>
      <c r="B198" s="5" t="s">
        <v>455</v>
      </c>
      <c r="C198" s="11">
        <v>3724000</v>
      </c>
      <c r="D198" s="11">
        <v>3994000</v>
      </c>
      <c r="E198" s="11">
        <v>548480.67000000004</v>
      </c>
      <c r="F198" s="11">
        <v>1224098.1200000001</v>
      </c>
      <c r="G198" s="11">
        <v>0.02</v>
      </c>
      <c r="H198" s="11">
        <v>2769901.88</v>
      </c>
      <c r="I198" s="11">
        <v>548480.67000000004</v>
      </c>
      <c r="J198" s="11">
        <v>1224098.1200000001</v>
      </c>
      <c r="K198" s="11">
        <v>0.02</v>
      </c>
      <c r="L198" s="11">
        <v>2769901.88</v>
      </c>
    </row>
    <row r="199" spans="1:12" x14ac:dyDescent="0.25">
      <c r="A199" s="2" t="s">
        <v>489</v>
      </c>
      <c r="B199" s="4" t="s">
        <v>456</v>
      </c>
      <c r="C199" s="12">
        <v>1644000</v>
      </c>
      <c r="D199" s="12">
        <v>1914000</v>
      </c>
      <c r="E199" s="12">
        <v>254767.71</v>
      </c>
      <c r="F199" s="12">
        <v>501031.39</v>
      </c>
      <c r="G199" s="12">
        <v>0.01</v>
      </c>
      <c r="H199" s="12">
        <v>1412968.61</v>
      </c>
      <c r="I199" s="12">
        <v>254767.71</v>
      </c>
      <c r="J199" s="12">
        <v>501031.39</v>
      </c>
      <c r="K199" s="12">
        <v>0.01</v>
      </c>
      <c r="L199" s="12">
        <v>1412968.61</v>
      </c>
    </row>
    <row r="200" spans="1:12" x14ac:dyDescent="0.25">
      <c r="A200" s="2" t="s">
        <v>490</v>
      </c>
      <c r="B200" s="4" t="s">
        <v>458</v>
      </c>
      <c r="C200" s="12">
        <v>2080000</v>
      </c>
      <c r="D200" s="12">
        <v>2080000</v>
      </c>
      <c r="E200" s="12">
        <v>293712.96000000002</v>
      </c>
      <c r="F200" s="12">
        <v>723066.73</v>
      </c>
      <c r="G200" s="12">
        <v>0.01</v>
      </c>
      <c r="H200" s="12">
        <v>1356933.27</v>
      </c>
      <c r="I200" s="12">
        <v>293712.96000000002</v>
      </c>
      <c r="J200" s="12">
        <v>723066.73</v>
      </c>
      <c r="K200" s="12">
        <v>0.01</v>
      </c>
      <c r="L200" s="12">
        <v>1356933.27</v>
      </c>
    </row>
    <row r="201" spans="1:12" x14ac:dyDescent="0.25">
      <c r="A201" s="3" t="s">
        <v>491</v>
      </c>
      <c r="B201" s="5" t="s">
        <v>465</v>
      </c>
      <c r="C201" s="11">
        <v>35878800</v>
      </c>
      <c r="D201" s="11">
        <v>35883800</v>
      </c>
      <c r="E201" s="11">
        <v>5950382.5899999999</v>
      </c>
      <c r="F201" s="11">
        <v>11847846.16</v>
      </c>
      <c r="G201" s="11">
        <v>0.17</v>
      </c>
      <c r="H201" s="11">
        <v>24035953.84</v>
      </c>
      <c r="I201" s="11">
        <v>5950382.5899999999</v>
      </c>
      <c r="J201" s="11">
        <v>11847846.16</v>
      </c>
      <c r="K201" s="11">
        <v>0.23</v>
      </c>
      <c r="L201" s="11">
        <v>24035953.84</v>
      </c>
    </row>
    <row r="202" spans="1:12" x14ac:dyDescent="0.25">
      <c r="A202" s="2" t="s">
        <v>492</v>
      </c>
      <c r="B202" s="4" t="s">
        <v>384</v>
      </c>
      <c r="C202" s="12">
        <v>35878800</v>
      </c>
      <c r="D202" s="12">
        <v>35883800</v>
      </c>
      <c r="E202" s="12">
        <v>5950382.5899999999</v>
      </c>
      <c r="F202" s="12">
        <v>11847846.16</v>
      </c>
      <c r="G202" s="12">
        <v>0.17</v>
      </c>
      <c r="H202" s="12">
        <v>24035953.84</v>
      </c>
      <c r="I202" s="12">
        <v>5950382.5899999999</v>
      </c>
      <c r="J202" s="12">
        <v>11847846.16</v>
      </c>
      <c r="K202" s="12">
        <v>0.23</v>
      </c>
      <c r="L202" s="12">
        <v>24035953.84</v>
      </c>
    </row>
    <row r="203" spans="1:12" x14ac:dyDescent="0.25">
      <c r="A203" s="3" t="s">
        <v>493</v>
      </c>
      <c r="B203" s="5" t="s">
        <v>470</v>
      </c>
      <c r="C203" s="11">
        <v>0</v>
      </c>
      <c r="D203" s="11">
        <v>180853.48</v>
      </c>
      <c r="E203" s="11">
        <v>59950.07</v>
      </c>
      <c r="F203" s="11">
        <v>122691.58</v>
      </c>
      <c r="G203" s="11">
        <v>0</v>
      </c>
      <c r="H203" s="11">
        <v>58161.9</v>
      </c>
      <c r="I203" s="11">
        <v>60350.65</v>
      </c>
      <c r="J203" s="11">
        <v>121089.26</v>
      </c>
      <c r="K203" s="11">
        <v>0</v>
      </c>
      <c r="L203" s="11">
        <v>59764.22</v>
      </c>
    </row>
    <row r="204" spans="1:12" x14ac:dyDescent="0.25">
      <c r="A204" s="2" t="s">
        <v>494</v>
      </c>
      <c r="B204" s="4" t="s">
        <v>472</v>
      </c>
      <c r="C204" s="12">
        <v>0</v>
      </c>
      <c r="D204" s="12">
        <v>180853.48</v>
      </c>
      <c r="E204" s="12">
        <v>59950.07</v>
      </c>
      <c r="F204" s="12">
        <v>122691.58</v>
      </c>
      <c r="G204" s="12">
        <v>0</v>
      </c>
      <c r="H204" s="12">
        <v>58161.9</v>
      </c>
      <c r="I204" s="12">
        <v>60350.65</v>
      </c>
      <c r="J204" s="12">
        <v>121089.26</v>
      </c>
      <c r="K204" s="12">
        <v>0</v>
      </c>
      <c r="L204" s="12">
        <v>59764.22</v>
      </c>
    </row>
    <row r="205" spans="1:12" x14ac:dyDescent="0.25">
      <c r="A205" s="3" t="s">
        <v>495</v>
      </c>
      <c r="B205" s="5" t="s">
        <v>473</v>
      </c>
      <c r="C205" s="11">
        <v>42220100</v>
      </c>
      <c r="D205" s="11">
        <v>15064432.859999999</v>
      </c>
      <c r="E205" s="11">
        <v>4400916.8600000003</v>
      </c>
      <c r="F205" s="11">
        <v>8530639.6099999994</v>
      </c>
      <c r="G205" s="11">
        <v>0.13</v>
      </c>
      <c r="H205" s="11">
        <v>6533793.25</v>
      </c>
      <c r="I205" s="11">
        <v>4310055.12</v>
      </c>
      <c r="J205" s="11">
        <v>8439777.8699999992</v>
      </c>
      <c r="K205" s="11">
        <v>0.16</v>
      </c>
      <c r="L205" s="11">
        <v>6624654.9900000002</v>
      </c>
    </row>
    <row r="206" spans="1:12" x14ac:dyDescent="0.25">
      <c r="A206" s="2" t="s">
        <v>496</v>
      </c>
      <c r="B206" s="4" t="s">
        <v>407</v>
      </c>
      <c r="C206" s="12">
        <v>4440100</v>
      </c>
      <c r="D206" s="12">
        <v>4440100</v>
      </c>
      <c r="E206" s="12">
        <v>1382553.97</v>
      </c>
      <c r="F206" s="12">
        <v>2592310.5499999998</v>
      </c>
      <c r="G206" s="12">
        <v>0.04</v>
      </c>
      <c r="H206" s="12">
        <v>1847789.45</v>
      </c>
      <c r="I206" s="12">
        <v>1382553.97</v>
      </c>
      <c r="J206" s="12">
        <v>2592310.5499999998</v>
      </c>
      <c r="K206" s="12">
        <v>0.05</v>
      </c>
      <c r="L206" s="12">
        <v>1847789.45</v>
      </c>
    </row>
    <row r="207" spans="1:12" x14ac:dyDescent="0.25">
      <c r="A207" s="2" t="s">
        <v>497</v>
      </c>
      <c r="B207" s="4" t="s">
        <v>381</v>
      </c>
      <c r="C207" s="12">
        <v>37780000</v>
      </c>
      <c r="D207" s="12">
        <v>10624332.859999999</v>
      </c>
      <c r="E207" s="12">
        <v>3018362.89</v>
      </c>
      <c r="F207" s="12">
        <v>5938329.0599999996</v>
      </c>
      <c r="G207" s="12">
        <v>0.09</v>
      </c>
      <c r="H207" s="12">
        <v>4686003.8</v>
      </c>
      <c r="I207" s="12">
        <v>2927501.15</v>
      </c>
      <c r="J207" s="12">
        <v>5847467.3200000003</v>
      </c>
      <c r="K207" s="12">
        <v>0.11</v>
      </c>
      <c r="L207" s="12">
        <v>4776865.54</v>
      </c>
    </row>
    <row r="208" spans="1:12" x14ac:dyDescent="0.25">
      <c r="A208" s="3" t="s">
        <v>498</v>
      </c>
      <c r="B208" s="5" t="s">
        <v>499</v>
      </c>
      <c r="C208" s="11">
        <v>16823704500</v>
      </c>
      <c r="D208" s="11">
        <v>17378575004.610001</v>
      </c>
      <c r="E208" s="11">
        <v>2737205921.4099998</v>
      </c>
      <c r="F208" s="11">
        <v>6919831726.9200001</v>
      </c>
      <c r="G208" s="11">
        <v>100.01</v>
      </c>
      <c r="H208" s="11">
        <v>10458743277.690001</v>
      </c>
      <c r="I208" s="11">
        <v>2627051213.7600002</v>
      </c>
      <c r="J208" s="11">
        <v>5240535315.2399998</v>
      </c>
      <c r="K208" s="11">
        <v>99.98</v>
      </c>
      <c r="L208" s="11">
        <v>12138039689.370001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2"/>
  <sheetViews>
    <sheetView showGridLines="0" workbookViewId="0"/>
  </sheetViews>
  <sheetFormatPr defaultRowHeight="15" x14ac:dyDescent="0.25"/>
  <cols>
    <col min="2" max="2" width="60" customWidth="1"/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50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0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502</v>
      </c>
      <c r="C10" s="10" t="s">
        <v>503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16</v>
      </c>
      <c r="P10" s="10" t="s">
        <v>517</v>
      </c>
    </row>
    <row r="11" spans="1:16" ht="21" x14ac:dyDescent="0.25">
      <c r="A11" s="10" t="s">
        <v>7</v>
      </c>
      <c r="B11" s="10" t="s">
        <v>7</v>
      </c>
      <c r="C11" s="1" t="s">
        <v>504</v>
      </c>
      <c r="D11" s="1" t="s">
        <v>505</v>
      </c>
      <c r="E11" s="1" t="s">
        <v>506</v>
      </c>
      <c r="F11" s="1" t="s">
        <v>507</v>
      </c>
      <c r="G11" s="1" t="s">
        <v>508</v>
      </c>
      <c r="H11" s="1" t="s">
        <v>509</v>
      </c>
      <c r="I11" s="1" t="s">
        <v>510</v>
      </c>
      <c r="J11" s="1" t="s">
        <v>511</v>
      </c>
      <c r="K11" s="1" t="s">
        <v>512</v>
      </c>
      <c r="L11" s="1" t="s">
        <v>513</v>
      </c>
      <c r="M11" s="1" t="s">
        <v>514</v>
      </c>
      <c r="N11" s="1" t="s">
        <v>515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18</v>
      </c>
      <c r="C12" s="11">
        <v>1229063200.73</v>
      </c>
      <c r="D12" s="11">
        <v>1567807227.04</v>
      </c>
      <c r="E12" s="11">
        <v>1762702252.78</v>
      </c>
      <c r="F12" s="11">
        <v>1705666604.9100001</v>
      </c>
      <c r="G12" s="11">
        <v>1896686995.0999999</v>
      </c>
      <c r="H12" s="11">
        <v>1714296581.3599999</v>
      </c>
      <c r="I12" s="11">
        <v>1768784545.6099999</v>
      </c>
      <c r="J12" s="11">
        <v>2057920753.8699999</v>
      </c>
      <c r="K12" s="11">
        <v>2064612666.8699999</v>
      </c>
      <c r="L12" s="11">
        <v>1728258791.52</v>
      </c>
      <c r="M12" s="11">
        <v>1793511973.8599999</v>
      </c>
      <c r="N12" s="11">
        <v>1866206459.95</v>
      </c>
      <c r="O12" s="11">
        <v>21155518053.599998</v>
      </c>
      <c r="P12" s="11">
        <v>19037132000</v>
      </c>
    </row>
    <row r="13" spans="1:16" x14ac:dyDescent="0.25">
      <c r="A13" s="3" t="s">
        <v>19</v>
      </c>
      <c r="B13" s="5" t="s">
        <v>519</v>
      </c>
      <c r="C13" s="11">
        <v>785678056.15999997</v>
      </c>
      <c r="D13" s="11">
        <v>903729308.84000003</v>
      </c>
      <c r="E13" s="11">
        <v>1022305220.28</v>
      </c>
      <c r="F13" s="11">
        <v>1032677054.6799999</v>
      </c>
      <c r="G13" s="11">
        <v>1187391346.3099999</v>
      </c>
      <c r="H13" s="11">
        <v>1162632023.27</v>
      </c>
      <c r="I13" s="11">
        <v>1223586057.22</v>
      </c>
      <c r="J13" s="11">
        <v>1220393602.54</v>
      </c>
      <c r="K13" s="11">
        <v>1470137092.51</v>
      </c>
      <c r="L13" s="11">
        <v>1123843755.4300001</v>
      </c>
      <c r="M13" s="11">
        <v>1195219309.8</v>
      </c>
      <c r="N13" s="11">
        <v>1247785613.71</v>
      </c>
      <c r="O13" s="11">
        <v>13575378440.75</v>
      </c>
      <c r="P13" s="11">
        <v>12230475900</v>
      </c>
    </row>
    <row r="14" spans="1:16" x14ac:dyDescent="0.25">
      <c r="A14" s="2" t="s">
        <v>21</v>
      </c>
      <c r="B14" s="4" t="s">
        <v>520</v>
      </c>
      <c r="C14" s="12">
        <v>649572101.88999999</v>
      </c>
      <c r="D14" s="12">
        <v>763786667.44000006</v>
      </c>
      <c r="E14" s="12">
        <v>817232737.58000004</v>
      </c>
      <c r="F14" s="12">
        <v>851949087.67999995</v>
      </c>
      <c r="G14" s="12">
        <v>938830028.58000004</v>
      </c>
      <c r="H14" s="12">
        <v>923067340.67999995</v>
      </c>
      <c r="I14" s="12">
        <v>980655349.86000001</v>
      </c>
      <c r="J14" s="12">
        <v>969378250.40999997</v>
      </c>
      <c r="K14" s="12">
        <v>965006416.41999996</v>
      </c>
      <c r="L14" s="12">
        <v>928447223.75999999</v>
      </c>
      <c r="M14" s="12">
        <v>1003826896.14</v>
      </c>
      <c r="N14" s="12">
        <v>1055823075.17</v>
      </c>
      <c r="O14" s="12">
        <v>10847575175.610001</v>
      </c>
      <c r="P14" s="12">
        <v>10054096900</v>
      </c>
    </row>
    <row r="15" spans="1:16" x14ac:dyDescent="0.25">
      <c r="A15" s="2" t="s">
        <v>23</v>
      </c>
      <c r="B15" s="4" t="s">
        <v>521</v>
      </c>
      <c r="C15" s="12">
        <v>51219614.229999997</v>
      </c>
      <c r="D15" s="12">
        <v>35280889.619999997</v>
      </c>
      <c r="E15" s="12">
        <v>34551895.049999997</v>
      </c>
      <c r="F15" s="12">
        <v>34648789.18</v>
      </c>
      <c r="G15" s="12">
        <v>28987241.129999999</v>
      </c>
      <c r="H15" s="12">
        <v>23954076.620000001</v>
      </c>
      <c r="I15" s="12">
        <v>20124034.5</v>
      </c>
      <c r="J15" s="12">
        <v>57376651.609999999</v>
      </c>
      <c r="K15" s="12">
        <v>373373157.02999997</v>
      </c>
      <c r="L15" s="12">
        <v>75365703.560000002</v>
      </c>
      <c r="M15" s="12">
        <v>65432879.100000001</v>
      </c>
      <c r="N15" s="12">
        <v>59045242.020000003</v>
      </c>
      <c r="O15" s="12">
        <v>859360173.64999998</v>
      </c>
      <c r="P15" s="12">
        <v>730803700</v>
      </c>
    </row>
    <row r="16" spans="1:16" x14ac:dyDescent="0.25">
      <c r="A16" s="2" t="s">
        <v>25</v>
      </c>
      <c r="B16" s="4" t="s">
        <v>522</v>
      </c>
      <c r="C16" s="12">
        <v>16315474.880000001</v>
      </c>
      <c r="D16" s="12">
        <v>26586348.539999999</v>
      </c>
      <c r="E16" s="12">
        <v>22673459.390000001</v>
      </c>
      <c r="F16" s="12">
        <v>20449259.420000002</v>
      </c>
      <c r="G16" s="12">
        <v>25491283.039999999</v>
      </c>
      <c r="H16" s="12">
        <v>17050236.870000001</v>
      </c>
      <c r="I16" s="12">
        <v>23029681.280000001</v>
      </c>
      <c r="J16" s="12">
        <v>31216650.02</v>
      </c>
      <c r="K16" s="12">
        <v>21960663.91</v>
      </c>
      <c r="L16" s="12">
        <v>15833887.59</v>
      </c>
      <c r="M16" s="12">
        <v>19986585.670000002</v>
      </c>
      <c r="N16" s="12">
        <v>29539466.850000001</v>
      </c>
      <c r="O16" s="12">
        <v>270132997.45999998</v>
      </c>
      <c r="P16" s="12">
        <v>182844600</v>
      </c>
    </row>
    <row r="17" spans="1:16" x14ac:dyDescent="0.25">
      <c r="A17" s="2" t="s">
        <v>27</v>
      </c>
      <c r="B17" s="4" t="s">
        <v>523</v>
      </c>
      <c r="C17" s="12">
        <v>50607006.909999996</v>
      </c>
      <c r="D17" s="12">
        <v>58612929.109999999</v>
      </c>
      <c r="E17" s="12">
        <v>123511384</v>
      </c>
      <c r="F17" s="12">
        <v>100285339.06</v>
      </c>
      <c r="G17" s="12">
        <v>170136381.03</v>
      </c>
      <c r="H17" s="12">
        <v>173831119.03999999</v>
      </c>
      <c r="I17" s="12">
        <v>169751627.09999999</v>
      </c>
      <c r="J17" s="12">
        <v>139268339.5</v>
      </c>
      <c r="K17" s="12">
        <v>88611078.349999994</v>
      </c>
      <c r="L17" s="12">
        <v>81430167.670000002</v>
      </c>
      <c r="M17" s="12">
        <v>81592459.920000002</v>
      </c>
      <c r="N17" s="12">
        <v>78652486.180000007</v>
      </c>
      <c r="O17" s="12">
        <v>1316290317.8699999</v>
      </c>
      <c r="P17" s="12">
        <v>992521700</v>
      </c>
    </row>
    <row r="18" spans="1:16" x14ac:dyDescent="0.25">
      <c r="A18" s="2" t="s">
        <v>29</v>
      </c>
      <c r="B18" s="4" t="s">
        <v>524</v>
      </c>
      <c r="C18" s="12">
        <v>17963858.25</v>
      </c>
      <c r="D18" s="12">
        <v>19462474.129999999</v>
      </c>
      <c r="E18" s="12">
        <v>24335744.260000002</v>
      </c>
      <c r="F18" s="12">
        <v>25344579.34</v>
      </c>
      <c r="G18" s="12">
        <v>23946412.530000001</v>
      </c>
      <c r="H18" s="12">
        <v>24729250.059999999</v>
      </c>
      <c r="I18" s="12">
        <v>30025364.48</v>
      </c>
      <c r="J18" s="12">
        <v>23153711</v>
      </c>
      <c r="K18" s="12">
        <v>21185776.800000001</v>
      </c>
      <c r="L18" s="12">
        <v>22766772.850000001</v>
      </c>
      <c r="M18" s="12">
        <v>24380488.969999999</v>
      </c>
      <c r="N18" s="12">
        <v>24725343.489999998</v>
      </c>
      <c r="O18" s="12">
        <v>282019776.16000003</v>
      </c>
      <c r="P18" s="12">
        <v>270209000</v>
      </c>
    </row>
    <row r="19" spans="1:16" x14ac:dyDescent="0.25">
      <c r="A19" s="2" t="s">
        <v>31</v>
      </c>
      <c r="B19" s="4" t="s">
        <v>525</v>
      </c>
      <c r="C19" s="12">
        <v>37595422.07</v>
      </c>
      <c r="D19" s="12">
        <v>42913518.240000002</v>
      </c>
      <c r="E19" s="12">
        <v>64560845.049999997</v>
      </c>
      <c r="F19" s="12">
        <v>44232596.43</v>
      </c>
      <c r="G19" s="12">
        <v>41855693.259999998</v>
      </c>
      <c r="H19" s="12">
        <v>41826302.659999996</v>
      </c>
      <c r="I19" s="12">
        <v>45484803.229999997</v>
      </c>
      <c r="J19" s="12">
        <v>151449143.28999999</v>
      </c>
      <c r="K19" s="12">
        <v>77721228.019999996</v>
      </c>
      <c r="L19" s="12">
        <v>38848141.240000002</v>
      </c>
      <c r="M19" s="12">
        <v>79647819.939999998</v>
      </c>
      <c r="N19" s="12">
        <v>68056814.049999997</v>
      </c>
      <c r="O19" s="12">
        <v>734192327.48000002</v>
      </c>
      <c r="P19" s="12">
        <v>870355100</v>
      </c>
    </row>
    <row r="20" spans="1:16" x14ac:dyDescent="0.25">
      <c r="A20" s="3" t="s">
        <v>33</v>
      </c>
      <c r="B20" s="5" t="s">
        <v>526</v>
      </c>
      <c r="C20" s="11">
        <v>8159079.7999999998</v>
      </c>
      <c r="D20" s="11">
        <v>16044366.130000001</v>
      </c>
      <c r="E20" s="11">
        <v>121449971.8</v>
      </c>
      <c r="F20" s="11">
        <v>3257078.27</v>
      </c>
      <c r="G20" s="11">
        <v>3014462.94</v>
      </c>
      <c r="H20" s="11">
        <v>10702424.699999999</v>
      </c>
      <c r="I20" s="11">
        <v>4224556.66</v>
      </c>
      <c r="J20" s="11">
        <v>18034508.129999999</v>
      </c>
      <c r="K20" s="11">
        <v>15137243.380000001</v>
      </c>
      <c r="L20" s="11">
        <v>3862932.87</v>
      </c>
      <c r="M20" s="11">
        <v>6281394.7400000002</v>
      </c>
      <c r="N20" s="11">
        <v>15067486.18</v>
      </c>
      <c r="O20" s="11">
        <v>225235505.59999999</v>
      </c>
      <c r="P20" s="11">
        <v>110822700</v>
      </c>
    </row>
    <row r="21" spans="1:16" x14ac:dyDescent="0.25">
      <c r="A21" s="2" t="s">
        <v>35</v>
      </c>
      <c r="B21" s="4" t="s">
        <v>527</v>
      </c>
      <c r="C21" s="12">
        <v>2770581.08</v>
      </c>
      <c r="D21" s="12">
        <v>2798215.88</v>
      </c>
      <c r="E21" s="12">
        <v>2963682.16</v>
      </c>
      <c r="F21" s="12">
        <v>2331968.62</v>
      </c>
      <c r="G21" s="12">
        <v>2179614.7400000002</v>
      </c>
      <c r="H21" s="12">
        <v>2434785.64</v>
      </c>
      <c r="I21" s="12">
        <v>3093390.71</v>
      </c>
      <c r="J21" s="12">
        <v>3509953.94</v>
      </c>
      <c r="K21" s="12">
        <v>2909509.02</v>
      </c>
      <c r="L21" s="12">
        <v>2647590.9500000002</v>
      </c>
      <c r="M21" s="12">
        <v>5049494.07</v>
      </c>
      <c r="N21" s="12">
        <v>6157353.2699999996</v>
      </c>
      <c r="O21" s="12">
        <v>38846140.079999998</v>
      </c>
      <c r="P21" s="12">
        <v>64343900</v>
      </c>
    </row>
    <row r="22" spans="1:16" x14ac:dyDescent="0.25">
      <c r="A22" s="2" t="s">
        <v>37</v>
      </c>
      <c r="B22" s="4" t="s">
        <v>528</v>
      </c>
      <c r="C22" s="12">
        <v>5388498.7199999997</v>
      </c>
      <c r="D22" s="12">
        <v>13246150.25</v>
      </c>
      <c r="E22" s="12">
        <v>118486289.64</v>
      </c>
      <c r="F22" s="12">
        <v>925109.65</v>
      </c>
      <c r="G22" s="12">
        <v>834848.2</v>
      </c>
      <c r="H22" s="12">
        <v>8267639.0599999996</v>
      </c>
      <c r="I22" s="12">
        <v>1131165.95</v>
      </c>
      <c r="J22" s="12">
        <v>14524554.189999999</v>
      </c>
      <c r="K22" s="12">
        <v>12227734.359999999</v>
      </c>
      <c r="L22" s="12">
        <v>1215341.92</v>
      </c>
      <c r="M22" s="12">
        <v>1231900.67</v>
      </c>
      <c r="N22" s="12">
        <v>8910132.9100000001</v>
      </c>
      <c r="O22" s="12">
        <v>186389365.52000001</v>
      </c>
      <c r="P22" s="12">
        <v>46478800</v>
      </c>
    </row>
    <row r="23" spans="1:16" x14ac:dyDescent="0.25">
      <c r="A23" s="2" t="s">
        <v>39</v>
      </c>
      <c r="B23" s="4" t="s">
        <v>529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  <c r="M23" s="12">
        <v>0</v>
      </c>
      <c r="N23" s="12">
        <v>0</v>
      </c>
      <c r="O23" s="12">
        <v>0</v>
      </c>
      <c r="P23" s="12">
        <v>0</v>
      </c>
    </row>
    <row r="24" spans="1:16" x14ac:dyDescent="0.25">
      <c r="A24" s="2" t="s">
        <v>41</v>
      </c>
      <c r="B24" s="4" t="s">
        <v>530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  <c r="O24" s="12">
        <v>0</v>
      </c>
      <c r="P24" s="12">
        <v>0</v>
      </c>
    </row>
    <row r="25" spans="1:16" x14ac:dyDescent="0.25">
      <c r="A25" s="2" t="s">
        <v>43</v>
      </c>
      <c r="B25" s="4" t="s">
        <v>531</v>
      </c>
      <c r="C25" s="12">
        <v>55464771.530000001</v>
      </c>
      <c r="D25" s="12">
        <v>68310232.989999995</v>
      </c>
      <c r="E25" s="12">
        <v>106846495.2</v>
      </c>
      <c r="F25" s="12">
        <v>79182725.939999998</v>
      </c>
      <c r="G25" s="12">
        <v>96963603.989999995</v>
      </c>
      <c r="H25" s="12">
        <v>84660335.390000001</v>
      </c>
      <c r="I25" s="12">
        <v>85478211.019999996</v>
      </c>
      <c r="J25" s="12">
        <v>86506316.920000002</v>
      </c>
      <c r="K25" s="12">
        <v>53545302.329999998</v>
      </c>
      <c r="L25" s="12">
        <v>74812096.680000007</v>
      </c>
      <c r="M25" s="12">
        <v>46420556.409999996</v>
      </c>
      <c r="N25" s="12">
        <v>57265514.229999997</v>
      </c>
      <c r="O25" s="12">
        <v>895456162.63</v>
      </c>
      <c r="P25" s="12">
        <v>877222000</v>
      </c>
    </row>
    <row r="26" spans="1:16" x14ac:dyDescent="0.25">
      <c r="A26" s="3" t="s">
        <v>45</v>
      </c>
      <c r="B26" s="5" t="s">
        <v>532</v>
      </c>
      <c r="C26" s="11">
        <v>336909438.52999997</v>
      </c>
      <c r="D26" s="11">
        <v>529187432.69</v>
      </c>
      <c r="E26" s="11">
        <v>440870480.19</v>
      </c>
      <c r="F26" s="11">
        <v>539846027.63999999</v>
      </c>
      <c r="G26" s="11">
        <v>559873345.67999995</v>
      </c>
      <c r="H26" s="11">
        <v>408061453.05000001</v>
      </c>
      <c r="I26" s="11">
        <v>408359793.56999999</v>
      </c>
      <c r="J26" s="11">
        <v>539652857.83000004</v>
      </c>
      <c r="K26" s="11">
        <v>440063862.26999998</v>
      </c>
      <c r="L26" s="11">
        <v>479896476.56999999</v>
      </c>
      <c r="M26" s="11">
        <v>460136045.25999999</v>
      </c>
      <c r="N26" s="11">
        <v>471057249.61000001</v>
      </c>
      <c r="O26" s="11">
        <v>5613914462.8900003</v>
      </c>
      <c r="P26" s="11">
        <v>4867971400</v>
      </c>
    </row>
    <row r="27" spans="1:16" x14ac:dyDescent="0.25">
      <c r="A27" s="2" t="s">
        <v>47</v>
      </c>
      <c r="B27" s="4" t="s">
        <v>533</v>
      </c>
      <c r="C27" s="12">
        <v>98770979.890000001</v>
      </c>
      <c r="D27" s="12">
        <v>80014210.079999998</v>
      </c>
      <c r="E27" s="12">
        <v>82737075.430000007</v>
      </c>
      <c r="F27" s="12">
        <v>87732855.030000001</v>
      </c>
      <c r="G27" s="12">
        <v>70620849.810000002</v>
      </c>
      <c r="H27" s="12">
        <v>96131155.590000004</v>
      </c>
      <c r="I27" s="12">
        <v>129655590.31</v>
      </c>
      <c r="J27" s="12">
        <v>136735468.41</v>
      </c>
      <c r="K27" s="12">
        <v>137408613.56999999</v>
      </c>
      <c r="L27" s="12">
        <v>184765675.33000001</v>
      </c>
      <c r="M27" s="12">
        <v>122531483.90000001</v>
      </c>
      <c r="N27" s="12">
        <v>128097434.81</v>
      </c>
      <c r="O27" s="12">
        <v>1355201392.1600001</v>
      </c>
      <c r="P27" s="12">
        <v>1273744200</v>
      </c>
    </row>
    <row r="28" spans="1:16" x14ac:dyDescent="0.25">
      <c r="A28" s="2" t="s">
        <v>49</v>
      </c>
      <c r="B28" s="4" t="s">
        <v>534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17341427.84</v>
      </c>
      <c r="M28" s="12">
        <v>8670713.9199999999</v>
      </c>
      <c r="N28" s="12">
        <v>-26012141.760000002</v>
      </c>
      <c r="O28" s="12">
        <v>0</v>
      </c>
      <c r="P28" s="12">
        <v>19038100</v>
      </c>
    </row>
    <row r="29" spans="1:16" x14ac:dyDescent="0.25">
      <c r="A29" s="2" t="s">
        <v>51</v>
      </c>
      <c r="B29" s="4" t="s">
        <v>535</v>
      </c>
      <c r="C29" s="12">
        <v>6408896.9500000002</v>
      </c>
      <c r="D29" s="12">
        <v>5763468.2199999997</v>
      </c>
      <c r="E29" s="12">
        <v>6923531.3300000001</v>
      </c>
      <c r="F29" s="12">
        <v>8007177.5</v>
      </c>
      <c r="G29" s="12">
        <v>9405391.7599999998</v>
      </c>
      <c r="H29" s="12">
        <v>10764094.539999999</v>
      </c>
      <c r="I29" s="12">
        <v>11799299.720000001</v>
      </c>
      <c r="J29" s="12">
        <v>12409804.630000001</v>
      </c>
      <c r="K29" s="12">
        <v>12365694.93</v>
      </c>
      <c r="L29" s="12">
        <v>10115152.49</v>
      </c>
      <c r="M29" s="12">
        <v>12010983.199999999</v>
      </c>
      <c r="N29" s="12">
        <v>12046456.130000001</v>
      </c>
      <c r="O29" s="12">
        <v>118019951.40000001</v>
      </c>
      <c r="P29" s="12">
        <v>110491700</v>
      </c>
    </row>
    <row r="30" spans="1:16" x14ac:dyDescent="0.25">
      <c r="A30" s="2" t="s">
        <v>53</v>
      </c>
      <c r="B30" s="4" t="s">
        <v>536</v>
      </c>
      <c r="C30" s="12">
        <v>74006882.129999995</v>
      </c>
      <c r="D30" s="12">
        <v>82267284.890000001</v>
      </c>
      <c r="E30" s="12">
        <v>82094615.069999993</v>
      </c>
      <c r="F30" s="12">
        <v>93151040.109999999</v>
      </c>
      <c r="G30" s="12">
        <v>86856259.010000005</v>
      </c>
      <c r="H30" s="12">
        <v>106411880.48</v>
      </c>
      <c r="I30" s="12">
        <v>113275388.31</v>
      </c>
      <c r="J30" s="12">
        <v>106561813.84</v>
      </c>
      <c r="K30" s="12">
        <v>112256028.31999999</v>
      </c>
      <c r="L30" s="12">
        <v>120611326.43000001</v>
      </c>
      <c r="M30" s="12">
        <v>118708704.70999999</v>
      </c>
      <c r="N30" s="12">
        <v>111894962.23999999</v>
      </c>
      <c r="O30" s="12">
        <v>1208096185.54</v>
      </c>
      <c r="P30" s="12">
        <v>1205818000</v>
      </c>
    </row>
    <row r="31" spans="1:16" x14ac:dyDescent="0.25">
      <c r="A31" s="2" t="s">
        <v>55</v>
      </c>
      <c r="B31" s="4" t="s">
        <v>537</v>
      </c>
      <c r="C31" s="12">
        <v>157722679.56</v>
      </c>
      <c r="D31" s="12">
        <v>361142469.5</v>
      </c>
      <c r="E31" s="12">
        <v>269115258.36000001</v>
      </c>
      <c r="F31" s="12">
        <v>350954955</v>
      </c>
      <c r="G31" s="12">
        <v>392990845.10000002</v>
      </c>
      <c r="H31" s="12">
        <v>194754322.44</v>
      </c>
      <c r="I31" s="12">
        <v>153629515.22999999</v>
      </c>
      <c r="J31" s="12">
        <v>283945770.94999999</v>
      </c>
      <c r="K31" s="12">
        <v>178033525.44999999</v>
      </c>
      <c r="L31" s="12">
        <v>147062894.47999999</v>
      </c>
      <c r="M31" s="12">
        <v>198214159.53</v>
      </c>
      <c r="N31" s="12">
        <v>245030538.19</v>
      </c>
      <c r="O31" s="12">
        <v>2932596933.79</v>
      </c>
      <c r="P31" s="12">
        <v>2258879400</v>
      </c>
    </row>
    <row r="32" spans="1:16" x14ac:dyDescent="0.25">
      <c r="A32" s="2" t="s">
        <v>57</v>
      </c>
      <c r="B32" s="4" t="s">
        <v>538</v>
      </c>
      <c r="C32" s="12">
        <v>5256432.6399999997</v>
      </c>
      <c r="D32" s="12">
        <v>7622368.1500000004</v>
      </c>
      <c r="E32" s="12">
        <v>6669240.2599999998</v>
      </c>
      <c r="F32" s="12">
        <v>6471121.9500000002</v>
      </c>
      <c r="G32" s="12">
        <v>7588542.9199999999</v>
      </c>
      <c r="H32" s="12">
        <v>6414042.29</v>
      </c>
      <c r="I32" s="12">
        <v>1651123.91</v>
      </c>
      <c r="J32" s="12">
        <v>41884325.159999996</v>
      </c>
      <c r="K32" s="12">
        <v>8007938.3600000003</v>
      </c>
      <c r="L32" s="12">
        <v>6995388.7300000004</v>
      </c>
      <c r="M32" s="12">
        <v>5806847.71</v>
      </c>
      <c r="N32" s="12">
        <v>6973782.1699999999</v>
      </c>
      <c r="O32" s="12">
        <v>111341154.25</v>
      </c>
      <c r="P32" s="12">
        <v>80284900</v>
      </c>
    </row>
    <row r="33" spans="1:16" x14ac:dyDescent="0.25">
      <c r="A33" s="3" t="s">
        <v>59</v>
      </c>
      <c r="B33" s="5" t="s">
        <v>539</v>
      </c>
      <c r="C33" s="11">
        <v>366505572.33999997</v>
      </c>
      <c r="D33" s="11">
        <v>405526770.75</v>
      </c>
      <c r="E33" s="11">
        <v>449196568.99000001</v>
      </c>
      <c r="F33" s="11">
        <v>443209571.38</v>
      </c>
      <c r="G33" s="11">
        <v>470022414.49000001</v>
      </c>
      <c r="H33" s="11">
        <v>465711002.63999999</v>
      </c>
      <c r="I33" s="11">
        <v>726802967.27999997</v>
      </c>
      <c r="J33" s="11">
        <v>628892918.85000002</v>
      </c>
      <c r="K33" s="11">
        <v>779508751.91999996</v>
      </c>
      <c r="L33" s="11">
        <v>529752654.13</v>
      </c>
      <c r="M33" s="11">
        <v>599801581.05999994</v>
      </c>
      <c r="N33" s="11">
        <v>610763097.14999998</v>
      </c>
      <c r="O33" s="11">
        <v>6475693870.9799995</v>
      </c>
      <c r="P33" s="11">
        <v>5818272000</v>
      </c>
    </row>
    <row r="34" spans="1:16" x14ac:dyDescent="0.25">
      <c r="A34" s="2" t="s">
        <v>61</v>
      </c>
      <c r="B34" s="4" t="s">
        <v>540</v>
      </c>
      <c r="C34" s="12">
        <v>202065920.86000001</v>
      </c>
      <c r="D34" s="12">
        <v>221908669.66999999</v>
      </c>
      <c r="E34" s="12">
        <v>236070674.71000001</v>
      </c>
      <c r="F34" s="12">
        <v>244524426.47999999</v>
      </c>
      <c r="G34" s="12">
        <v>263374702.94</v>
      </c>
      <c r="H34" s="12">
        <v>258326609.38999999</v>
      </c>
      <c r="I34" s="12">
        <v>499424278.17000002</v>
      </c>
      <c r="J34" s="12">
        <v>271892900.66000003</v>
      </c>
      <c r="K34" s="12">
        <v>485513096.61000001</v>
      </c>
      <c r="L34" s="12">
        <v>300789107.57999998</v>
      </c>
      <c r="M34" s="12">
        <v>332331803.69999999</v>
      </c>
      <c r="N34" s="12">
        <v>344709035.89999998</v>
      </c>
      <c r="O34" s="12">
        <v>3660931226.6700001</v>
      </c>
      <c r="P34" s="12">
        <v>3053349100</v>
      </c>
    </row>
    <row r="35" spans="1:16" x14ac:dyDescent="0.25">
      <c r="A35" s="2" t="s">
        <v>63</v>
      </c>
      <c r="B35" s="4" t="s">
        <v>541</v>
      </c>
      <c r="C35" s="12">
        <v>37442519.329999998</v>
      </c>
      <c r="D35" s="12">
        <v>42753895.07</v>
      </c>
      <c r="E35" s="12">
        <v>64487213.57</v>
      </c>
      <c r="F35" s="12">
        <v>44135004.079999998</v>
      </c>
      <c r="G35" s="12">
        <v>41775708.630000003</v>
      </c>
      <c r="H35" s="12">
        <v>38798970.460000001</v>
      </c>
      <c r="I35" s="12">
        <v>48291532.859999999</v>
      </c>
      <c r="J35" s="12">
        <v>146863417.25</v>
      </c>
      <c r="K35" s="12">
        <v>77649268.329999998</v>
      </c>
      <c r="L35" s="12">
        <v>38767346.450000003</v>
      </c>
      <c r="M35" s="12">
        <v>79567799.560000002</v>
      </c>
      <c r="N35" s="12">
        <v>67967927.390000001</v>
      </c>
      <c r="O35" s="12">
        <v>728500602.98000002</v>
      </c>
      <c r="P35" s="12">
        <v>867788800</v>
      </c>
    </row>
    <row r="36" spans="1:16" x14ac:dyDescent="0.25">
      <c r="A36" s="2" t="s">
        <v>65</v>
      </c>
      <c r="B36" s="4" t="s">
        <v>542</v>
      </c>
      <c r="C36" s="12">
        <v>152902.74</v>
      </c>
      <c r="D36" s="12">
        <v>159623.17000000001</v>
      </c>
      <c r="E36" s="12">
        <v>73631.48</v>
      </c>
      <c r="F36" s="12">
        <v>97592.35</v>
      </c>
      <c r="G36" s="12">
        <v>79984.63</v>
      </c>
      <c r="H36" s="12">
        <v>3027332.2</v>
      </c>
      <c r="I36" s="12">
        <v>-2806729.63</v>
      </c>
      <c r="J36" s="12">
        <v>23091816.050000001</v>
      </c>
      <c r="K36" s="12">
        <v>71959.69</v>
      </c>
      <c r="L36" s="12">
        <v>1313217.92</v>
      </c>
      <c r="M36" s="12">
        <v>127760.89</v>
      </c>
      <c r="N36" s="12">
        <v>101472.11</v>
      </c>
      <c r="O36" s="12">
        <v>25490563.600000001</v>
      </c>
      <c r="P36" s="12">
        <v>0</v>
      </c>
    </row>
    <row r="37" spans="1:16" x14ac:dyDescent="0.25">
      <c r="A37" s="2" t="s">
        <v>67</v>
      </c>
      <c r="B37" s="4" t="s">
        <v>543</v>
      </c>
      <c r="C37" s="12">
        <v>126844229.41</v>
      </c>
      <c r="D37" s="12">
        <v>140704582.84</v>
      </c>
      <c r="E37" s="12">
        <v>148565049.22999999</v>
      </c>
      <c r="F37" s="12">
        <v>154452548.47</v>
      </c>
      <c r="G37" s="12">
        <v>164792018.28999999</v>
      </c>
      <c r="H37" s="12">
        <v>165558090.59</v>
      </c>
      <c r="I37" s="12">
        <v>181893885.88</v>
      </c>
      <c r="J37" s="12">
        <v>187044784.88999999</v>
      </c>
      <c r="K37" s="12">
        <v>216274427.28999999</v>
      </c>
      <c r="L37" s="12">
        <v>188882982.18000001</v>
      </c>
      <c r="M37" s="12">
        <v>187774216.91</v>
      </c>
      <c r="N37" s="12">
        <v>197984661.75</v>
      </c>
      <c r="O37" s="12">
        <v>2060771477.73</v>
      </c>
      <c r="P37" s="12">
        <v>1897134100</v>
      </c>
    </row>
    <row r="38" spans="1:16" x14ac:dyDescent="0.25">
      <c r="A38" s="3" t="s">
        <v>69</v>
      </c>
      <c r="B38" s="5" t="s">
        <v>544</v>
      </c>
      <c r="C38" s="11">
        <v>862557628.38999999</v>
      </c>
      <c r="D38" s="11">
        <v>1162280456.29</v>
      </c>
      <c r="E38" s="11">
        <v>1313505683.79</v>
      </c>
      <c r="F38" s="11">
        <v>1262457033.53</v>
      </c>
      <c r="G38" s="11">
        <v>1426664580.6099999</v>
      </c>
      <c r="H38" s="11">
        <v>1248585578.72</v>
      </c>
      <c r="I38" s="11">
        <v>1041981578.33</v>
      </c>
      <c r="J38" s="11">
        <v>1429027835.02</v>
      </c>
      <c r="K38" s="11">
        <v>1285103914.95</v>
      </c>
      <c r="L38" s="11">
        <v>1198506137.3900001</v>
      </c>
      <c r="M38" s="11">
        <v>1193710392.8</v>
      </c>
      <c r="N38" s="11">
        <v>1255443362.8</v>
      </c>
      <c r="O38" s="11">
        <v>14679824182.620001</v>
      </c>
      <c r="P38" s="11">
        <v>13218860000</v>
      </c>
    </row>
    <row r="39" spans="1:16" x14ac:dyDescent="0.25">
      <c r="A39" s="2" t="s">
        <v>71</v>
      </c>
      <c r="B39" s="4" t="s">
        <v>545</v>
      </c>
      <c r="C39" s="12">
        <v>1181597.1200000001</v>
      </c>
      <c r="D39" s="12">
        <v>0</v>
      </c>
      <c r="E39" s="12">
        <v>250000</v>
      </c>
      <c r="F39" s="12">
        <v>-25000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  <c r="O39" s="12">
        <v>1181597.1200000001</v>
      </c>
      <c r="P39" s="12">
        <v>0</v>
      </c>
    </row>
    <row r="40" spans="1:16" x14ac:dyDescent="0.25">
      <c r="A40" s="3" t="s">
        <v>73</v>
      </c>
      <c r="B40" s="5" t="s">
        <v>546</v>
      </c>
      <c r="C40" s="11">
        <v>861376031.26999998</v>
      </c>
      <c r="D40" s="11">
        <v>1162280456.29</v>
      </c>
      <c r="E40" s="11">
        <v>1313255683.79</v>
      </c>
      <c r="F40" s="11">
        <v>1262707033.53</v>
      </c>
      <c r="G40" s="11">
        <v>1426664580.6099999</v>
      </c>
      <c r="H40" s="11">
        <v>1248585578.72</v>
      </c>
      <c r="I40" s="11">
        <v>1041981578.33</v>
      </c>
      <c r="J40" s="11">
        <v>1429027835.02</v>
      </c>
      <c r="K40" s="11">
        <v>1285103914.95</v>
      </c>
      <c r="L40" s="11">
        <v>1198506137.3900001</v>
      </c>
      <c r="M40" s="11">
        <v>1193710392.8</v>
      </c>
      <c r="N40" s="11">
        <v>1255443362.8</v>
      </c>
      <c r="O40" s="11">
        <v>14678642585.5</v>
      </c>
      <c r="P40" s="11">
        <v>13218860000</v>
      </c>
    </row>
    <row r="41" spans="1:16" x14ac:dyDescent="0.25">
      <c r="A41" s="2" t="s">
        <v>75</v>
      </c>
      <c r="B41" s="4" t="s">
        <v>547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  <c r="L41" s="12">
        <v>0</v>
      </c>
      <c r="M41" s="12">
        <v>0</v>
      </c>
      <c r="N41" s="12">
        <v>0</v>
      </c>
      <c r="O41" s="12">
        <v>0</v>
      </c>
      <c r="P41" s="12">
        <v>0</v>
      </c>
    </row>
    <row r="42" spans="1:16" x14ac:dyDescent="0.25">
      <c r="A42" s="3" t="s">
        <v>77</v>
      </c>
      <c r="B42" s="5" t="s">
        <v>548</v>
      </c>
      <c r="C42" s="11">
        <v>861376031.26999998</v>
      </c>
      <c r="D42" s="11">
        <v>1162280456.29</v>
      </c>
      <c r="E42" s="11">
        <v>1313255683.79</v>
      </c>
      <c r="F42" s="11">
        <v>1262707033.53</v>
      </c>
      <c r="G42" s="11">
        <v>1426664580.6099999</v>
      </c>
      <c r="H42" s="11">
        <v>1248585578.72</v>
      </c>
      <c r="I42" s="11">
        <v>1041981578.33</v>
      </c>
      <c r="J42" s="11">
        <v>1429027835.02</v>
      </c>
      <c r="K42" s="11">
        <v>1285103914.95</v>
      </c>
      <c r="L42" s="11">
        <v>1198506137.3900001</v>
      </c>
      <c r="M42" s="11">
        <v>1193710392.8</v>
      </c>
      <c r="N42" s="11">
        <v>1255443362.8</v>
      </c>
      <c r="O42" s="11">
        <v>14678642585.5</v>
      </c>
      <c r="P42" s="11">
        <v>13218860000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166"/>
  <sheetViews>
    <sheetView showGridLines="0" workbookViewId="0"/>
  </sheetViews>
  <sheetFormatPr defaultRowHeight="15" x14ac:dyDescent="0.25"/>
  <cols>
    <col min="1" max="1" width="2.7109375" bestFit="1" customWidth="1"/>
    <col min="2" max="2" width="55.28515625" bestFit="1" customWidth="1"/>
    <col min="3" max="3" width="19.140625" bestFit="1" customWidth="1"/>
    <col min="4" max="4" width="19" bestFit="1" customWidth="1"/>
    <col min="5" max="6" width="17.28515625" bestFit="1" customWidth="1"/>
    <col min="7" max="7" width="5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549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550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551</v>
      </c>
      <c r="C10" s="10" t="s">
        <v>10</v>
      </c>
      <c r="D10" s="10" t="s">
        <v>552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7" x14ac:dyDescent="0.25">
      <c r="A12" s="3" t="s">
        <v>17</v>
      </c>
      <c r="B12" s="5" t="s">
        <v>553</v>
      </c>
      <c r="C12" s="11">
        <v>1851908700</v>
      </c>
      <c r="D12" s="11">
        <v>842460901.73000002</v>
      </c>
    </row>
    <row r="13" spans="1:7" x14ac:dyDescent="0.25">
      <c r="A13" s="3" t="s">
        <v>19</v>
      </c>
      <c r="B13" s="5" t="s">
        <v>554</v>
      </c>
      <c r="C13" s="11">
        <v>653608100</v>
      </c>
      <c r="D13" s="11">
        <v>234328392.12</v>
      </c>
    </row>
    <row r="14" spans="1:7" x14ac:dyDescent="0.25">
      <c r="A14" s="2" t="s">
        <v>21</v>
      </c>
      <c r="B14" s="4" t="s">
        <v>555</v>
      </c>
      <c r="C14" s="12">
        <v>497789400</v>
      </c>
      <c r="D14" s="12">
        <v>119456254.64</v>
      </c>
    </row>
    <row r="15" spans="1:7" x14ac:dyDescent="0.25">
      <c r="A15" s="2" t="s">
        <v>23</v>
      </c>
      <c r="B15" s="4" t="s">
        <v>556</v>
      </c>
      <c r="C15" s="12">
        <v>131415100</v>
      </c>
      <c r="D15" s="12">
        <v>79515780.430000007</v>
      </c>
    </row>
    <row r="16" spans="1:7" x14ac:dyDescent="0.25">
      <c r="A16" s="2" t="s">
        <v>25</v>
      </c>
      <c r="B16" s="4" t="s">
        <v>557</v>
      </c>
      <c r="C16" s="12">
        <v>24403600</v>
      </c>
      <c r="D16" s="12">
        <v>35356357.049999997</v>
      </c>
    </row>
    <row r="17" spans="1:4" x14ac:dyDescent="0.25">
      <c r="A17" s="3" t="s">
        <v>27</v>
      </c>
      <c r="B17" s="5" t="s">
        <v>558</v>
      </c>
      <c r="C17" s="11">
        <v>744671600</v>
      </c>
      <c r="D17" s="11">
        <v>605798182.03999996</v>
      </c>
    </row>
    <row r="18" spans="1:4" x14ac:dyDescent="0.25">
      <c r="A18" s="2" t="s">
        <v>29</v>
      </c>
      <c r="B18" s="4" t="s">
        <v>555</v>
      </c>
      <c r="C18" s="12">
        <v>375244500</v>
      </c>
      <c r="D18" s="12">
        <v>444726869.95999998</v>
      </c>
    </row>
    <row r="19" spans="1:4" x14ac:dyDescent="0.25">
      <c r="A19" s="2" t="s">
        <v>31</v>
      </c>
      <c r="B19" s="4" t="s">
        <v>556</v>
      </c>
      <c r="C19" s="12">
        <v>320418500</v>
      </c>
      <c r="D19" s="12">
        <v>135781984.68000001</v>
      </c>
    </row>
    <row r="20" spans="1:4" x14ac:dyDescent="0.25">
      <c r="A20" s="2" t="s">
        <v>33</v>
      </c>
      <c r="B20" s="4" t="s">
        <v>557</v>
      </c>
      <c r="C20" s="12">
        <v>49008600</v>
      </c>
      <c r="D20" s="12">
        <v>25289327.399999999</v>
      </c>
    </row>
    <row r="21" spans="1:4" x14ac:dyDescent="0.25">
      <c r="A21" s="3" t="s">
        <v>35</v>
      </c>
      <c r="B21" s="5" t="s">
        <v>559</v>
      </c>
      <c r="C21" s="11">
        <v>9749300</v>
      </c>
      <c r="D21" s="11">
        <v>325618.82</v>
      </c>
    </row>
    <row r="22" spans="1:4" x14ac:dyDescent="0.25">
      <c r="A22" s="2" t="s">
        <v>37</v>
      </c>
      <c r="B22" s="4" t="s">
        <v>560</v>
      </c>
      <c r="C22" s="12">
        <v>0</v>
      </c>
      <c r="D22" s="12">
        <v>0</v>
      </c>
    </row>
    <row r="23" spans="1:4" x14ac:dyDescent="0.25">
      <c r="A23" s="2" t="s">
        <v>39</v>
      </c>
      <c r="B23" s="4" t="s">
        <v>561</v>
      </c>
      <c r="C23" s="12">
        <v>9749300</v>
      </c>
      <c r="D23" s="12">
        <v>325618.82</v>
      </c>
    </row>
    <row r="24" spans="1:4" x14ac:dyDescent="0.25">
      <c r="A24" s="2" t="s">
        <v>41</v>
      </c>
      <c r="B24" s="4" t="s">
        <v>562</v>
      </c>
      <c r="C24" s="12">
        <v>0</v>
      </c>
      <c r="D24" s="12">
        <v>0</v>
      </c>
    </row>
    <row r="25" spans="1:4" x14ac:dyDescent="0.25">
      <c r="A25" s="2" t="s">
        <v>43</v>
      </c>
      <c r="B25" s="4" t="s">
        <v>563</v>
      </c>
      <c r="C25" s="12">
        <v>0</v>
      </c>
      <c r="D25" s="12">
        <v>0</v>
      </c>
    </row>
    <row r="26" spans="1:4" x14ac:dyDescent="0.25">
      <c r="A26" s="3" t="s">
        <v>45</v>
      </c>
      <c r="B26" s="5" t="s">
        <v>564</v>
      </c>
      <c r="C26" s="11">
        <v>443879700</v>
      </c>
      <c r="D26" s="11">
        <v>2008708.75</v>
      </c>
    </row>
    <row r="27" spans="1:4" x14ac:dyDescent="0.25">
      <c r="A27" s="2" t="s">
        <v>47</v>
      </c>
      <c r="B27" s="4" t="s">
        <v>565</v>
      </c>
      <c r="C27" s="12">
        <v>0</v>
      </c>
      <c r="D27" s="12">
        <v>1292749.0900000001</v>
      </c>
    </row>
    <row r="28" spans="1:4" x14ac:dyDescent="0.25">
      <c r="A28" s="2" t="s">
        <v>49</v>
      </c>
      <c r="B28" s="4" t="s">
        <v>566</v>
      </c>
      <c r="C28" s="12">
        <v>443879700</v>
      </c>
      <c r="D28" s="12">
        <v>0</v>
      </c>
    </row>
    <row r="29" spans="1:4" x14ac:dyDescent="0.25">
      <c r="A29" s="2" t="s">
        <v>51</v>
      </c>
      <c r="B29" s="4" t="s">
        <v>567</v>
      </c>
      <c r="C29" s="12">
        <v>0</v>
      </c>
      <c r="D29" s="12">
        <v>715959.66</v>
      </c>
    </row>
    <row r="30" spans="1:4" x14ac:dyDescent="0.25">
      <c r="A30" s="3" t="s">
        <v>53</v>
      </c>
      <c r="B30" s="5" t="s">
        <v>568</v>
      </c>
      <c r="C30" s="11">
        <v>0</v>
      </c>
      <c r="D30" s="11">
        <v>0</v>
      </c>
    </row>
    <row r="31" spans="1:4" x14ac:dyDescent="0.25">
      <c r="A31" s="2" t="s">
        <v>55</v>
      </c>
      <c r="B31" s="4" t="s">
        <v>569</v>
      </c>
      <c r="C31" s="12">
        <v>0</v>
      </c>
      <c r="D31" s="12">
        <v>0</v>
      </c>
    </row>
    <row r="32" spans="1:4" x14ac:dyDescent="0.25">
      <c r="A32" s="2" t="s">
        <v>57</v>
      </c>
      <c r="B32" s="4" t="s">
        <v>570</v>
      </c>
      <c r="C32" s="12">
        <v>0</v>
      </c>
      <c r="D32" s="12">
        <v>0</v>
      </c>
    </row>
    <row r="33" spans="1:7" x14ac:dyDescent="0.25">
      <c r="A33" s="2" t="s">
        <v>59</v>
      </c>
      <c r="B33" s="4" t="s">
        <v>571</v>
      </c>
      <c r="C33" s="12">
        <v>0</v>
      </c>
      <c r="D33" s="12">
        <v>0</v>
      </c>
    </row>
    <row r="34" spans="1:7" x14ac:dyDescent="0.25">
      <c r="A34" s="2" t="s">
        <v>61</v>
      </c>
      <c r="B34" s="4" t="s">
        <v>572</v>
      </c>
      <c r="C34" s="12">
        <v>1408029000</v>
      </c>
      <c r="D34" s="12">
        <v>842460901.73000002</v>
      </c>
    </row>
    <row r="36" spans="1:7" x14ac:dyDescent="0.25">
      <c r="A36" s="10" t="s">
        <v>6</v>
      </c>
      <c r="B36" s="10" t="s">
        <v>573</v>
      </c>
      <c r="C36" s="10" t="s">
        <v>574</v>
      </c>
      <c r="D36" s="10" t="s">
        <v>575</v>
      </c>
      <c r="E36" s="10" t="s">
        <v>576</v>
      </c>
      <c r="F36" s="10" t="s">
        <v>577</v>
      </c>
      <c r="G36" s="10" t="s">
        <v>578</v>
      </c>
    </row>
    <row r="37" spans="1:7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0" t="s">
        <v>7</v>
      </c>
      <c r="F37" s="10" t="s">
        <v>7</v>
      </c>
      <c r="G37" s="10" t="s">
        <v>7</v>
      </c>
    </row>
    <row r="38" spans="1:7" x14ac:dyDescent="0.25">
      <c r="A38" s="3" t="s">
        <v>63</v>
      </c>
      <c r="B38" s="5" t="s">
        <v>579</v>
      </c>
      <c r="C38" s="11">
        <v>2109763800</v>
      </c>
      <c r="D38" s="11">
        <v>1034992811.7</v>
      </c>
      <c r="E38" s="11">
        <v>987823275.65999997</v>
      </c>
      <c r="F38" s="11">
        <v>976857980.22000003</v>
      </c>
      <c r="G38" s="11">
        <v>0</v>
      </c>
    </row>
    <row r="39" spans="1:7" x14ac:dyDescent="0.25">
      <c r="A39" s="2" t="s">
        <v>65</v>
      </c>
      <c r="B39" s="4" t="s">
        <v>580</v>
      </c>
      <c r="C39" s="12">
        <v>1792960500</v>
      </c>
      <c r="D39" s="12">
        <v>879748001.54999995</v>
      </c>
      <c r="E39" s="12">
        <v>836105727.21000004</v>
      </c>
      <c r="F39" s="12">
        <v>825140431.76999998</v>
      </c>
      <c r="G39" s="12">
        <v>0</v>
      </c>
    </row>
    <row r="40" spans="1:7" x14ac:dyDescent="0.25">
      <c r="A40" s="2" t="s">
        <v>67</v>
      </c>
      <c r="B40" s="4" t="s">
        <v>581</v>
      </c>
      <c r="C40" s="12">
        <v>316803300</v>
      </c>
      <c r="D40" s="12">
        <v>155244810.15000001</v>
      </c>
      <c r="E40" s="12">
        <v>151717548.44999999</v>
      </c>
      <c r="F40" s="12">
        <v>151717548.44999999</v>
      </c>
      <c r="G40" s="12">
        <v>0</v>
      </c>
    </row>
    <row r="41" spans="1:7" x14ac:dyDescent="0.25">
      <c r="A41" s="3" t="s">
        <v>69</v>
      </c>
      <c r="B41" s="5" t="s">
        <v>582</v>
      </c>
      <c r="C41" s="11">
        <v>11965276</v>
      </c>
      <c r="D41" s="11">
        <v>562432.63</v>
      </c>
      <c r="E41" s="11">
        <v>309661.11</v>
      </c>
      <c r="F41" s="11">
        <v>309661.11</v>
      </c>
      <c r="G41" s="11">
        <v>0</v>
      </c>
    </row>
    <row r="42" spans="1:7" x14ac:dyDescent="0.25">
      <c r="A42" s="2" t="s">
        <v>71</v>
      </c>
      <c r="B42" s="4" t="s">
        <v>565</v>
      </c>
      <c r="C42" s="12">
        <v>6000000</v>
      </c>
      <c r="D42" s="12">
        <v>0</v>
      </c>
      <c r="E42" s="12">
        <v>0</v>
      </c>
      <c r="F42" s="12">
        <v>0</v>
      </c>
      <c r="G42" s="12">
        <v>0</v>
      </c>
    </row>
    <row r="43" spans="1:7" x14ac:dyDescent="0.25">
      <c r="A43" s="2" t="s">
        <v>73</v>
      </c>
      <c r="B43" s="4" t="s">
        <v>583</v>
      </c>
      <c r="C43" s="12">
        <v>5965276</v>
      </c>
      <c r="D43" s="12">
        <v>562432.63</v>
      </c>
      <c r="E43" s="12">
        <v>309661.11</v>
      </c>
      <c r="F43" s="12">
        <v>309661.11</v>
      </c>
      <c r="G43" s="12">
        <v>0</v>
      </c>
    </row>
    <row r="44" spans="1:7" x14ac:dyDescent="0.25">
      <c r="A44" s="3" t="s">
        <v>75</v>
      </c>
      <c r="B44" s="5" t="s">
        <v>584</v>
      </c>
      <c r="C44" s="11">
        <v>2121729076</v>
      </c>
      <c r="D44" s="11">
        <v>1035555244.33</v>
      </c>
      <c r="E44" s="11">
        <v>988132936.76999998</v>
      </c>
      <c r="F44" s="11">
        <v>977167641.33000004</v>
      </c>
      <c r="G44" s="11">
        <v>0</v>
      </c>
    </row>
    <row r="46" spans="1:7" x14ac:dyDescent="0.25">
      <c r="A46" s="10" t="s">
        <v>6</v>
      </c>
      <c r="B46" s="10" t="s">
        <v>585</v>
      </c>
      <c r="C46" s="10" t="s">
        <v>574</v>
      </c>
      <c r="D46" s="10" t="s">
        <v>575</v>
      </c>
      <c r="E46" s="10" t="s">
        <v>576</v>
      </c>
      <c r="F46" s="10" t="s">
        <v>577</v>
      </c>
      <c r="G46" s="10" t="s">
        <v>578</v>
      </c>
    </row>
    <row r="47" spans="1:7" x14ac:dyDescent="0.25">
      <c r="A47" s="10" t="s">
        <v>7</v>
      </c>
      <c r="B47" s="10" t="s">
        <v>7</v>
      </c>
      <c r="C47" s="10" t="s">
        <v>7</v>
      </c>
      <c r="D47" s="10" t="s">
        <v>7</v>
      </c>
      <c r="E47" s="10" t="s">
        <v>7</v>
      </c>
      <c r="F47" s="10" t="s">
        <v>7</v>
      </c>
      <c r="G47" s="10" t="s">
        <v>7</v>
      </c>
    </row>
    <row r="48" spans="1:7" x14ac:dyDescent="0.25">
      <c r="A48" s="2" t="s">
        <v>77</v>
      </c>
      <c r="B48" s="4" t="s">
        <v>586</v>
      </c>
      <c r="C48" s="12">
        <v>-713700076</v>
      </c>
      <c r="D48" s="12">
        <v>-193094342.59999999</v>
      </c>
      <c r="E48" s="12">
        <v>-145672035.03999999</v>
      </c>
      <c r="F48" s="12">
        <v>-134706739.59999999</v>
      </c>
      <c r="G48" s="12">
        <v>0</v>
      </c>
    </row>
    <row r="50" spans="1:3" x14ac:dyDescent="0.25">
      <c r="A50" s="10" t="s">
        <v>6</v>
      </c>
      <c r="B50" s="10" t="s">
        <v>587</v>
      </c>
      <c r="C50" s="10" t="s">
        <v>588</v>
      </c>
    </row>
    <row r="51" spans="1:3" x14ac:dyDescent="0.25">
      <c r="A51" s="10" t="s">
        <v>7</v>
      </c>
      <c r="B51" s="10" t="s">
        <v>7</v>
      </c>
      <c r="C51" s="10" t="s">
        <v>7</v>
      </c>
    </row>
    <row r="52" spans="1:3" x14ac:dyDescent="0.25">
      <c r="A52" s="2" t="s">
        <v>79</v>
      </c>
      <c r="B52" s="4" t="s">
        <v>589</v>
      </c>
      <c r="C52" s="12">
        <v>0</v>
      </c>
    </row>
    <row r="54" spans="1:3" x14ac:dyDescent="0.25">
      <c r="A54" s="10" t="s">
        <v>6</v>
      </c>
      <c r="B54" s="10" t="s">
        <v>590</v>
      </c>
      <c r="C54" s="10" t="s">
        <v>588</v>
      </c>
    </row>
    <row r="55" spans="1:3" x14ac:dyDescent="0.25">
      <c r="A55" s="10" t="s">
        <v>7</v>
      </c>
      <c r="B55" s="10" t="s">
        <v>7</v>
      </c>
      <c r="C55" s="10" t="s">
        <v>7</v>
      </c>
    </row>
    <row r="56" spans="1:3" x14ac:dyDescent="0.25">
      <c r="A56" s="2" t="s">
        <v>81</v>
      </c>
      <c r="B56" s="4" t="s">
        <v>589</v>
      </c>
      <c r="C56" s="12">
        <v>134138000</v>
      </c>
    </row>
    <row r="58" spans="1:3" x14ac:dyDescent="0.25">
      <c r="A58" s="10" t="s">
        <v>6</v>
      </c>
      <c r="B58" s="10" t="s">
        <v>591</v>
      </c>
      <c r="C58" s="10" t="s">
        <v>592</v>
      </c>
    </row>
    <row r="59" spans="1:3" x14ac:dyDescent="0.25">
      <c r="A59" s="10" t="s">
        <v>7</v>
      </c>
      <c r="B59" s="10" t="s">
        <v>7</v>
      </c>
      <c r="C59" s="10" t="s">
        <v>7</v>
      </c>
    </row>
    <row r="60" spans="1:3" x14ac:dyDescent="0.25">
      <c r="A60" s="2" t="s">
        <v>83</v>
      </c>
      <c r="B60" s="4" t="s">
        <v>593</v>
      </c>
      <c r="C60" s="12">
        <v>0</v>
      </c>
    </row>
    <row r="61" spans="1:3" x14ac:dyDescent="0.25">
      <c r="A61" s="2" t="s">
        <v>85</v>
      </c>
      <c r="B61" s="4" t="s">
        <v>594</v>
      </c>
      <c r="C61" s="12">
        <v>0</v>
      </c>
    </row>
    <row r="62" spans="1:3" x14ac:dyDescent="0.25">
      <c r="A62" s="2" t="s">
        <v>87</v>
      </c>
      <c r="B62" s="4" t="s">
        <v>595</v>
      </c>
      <c r="C62" s="12">
        <v>57017607.100000001</v>
      </c>
    </row>
    <row r="63" spans="1:3" x14ac:dyDescent="0.25">
      <c r="A63" s="2" t="s">
        <v>89</v>
      </c>
      <c r="B63" s="4" t="s">
        <v>596</v>
      </c>
      <c r="C63" s="12">
        <v>129008112.67</v>
      </c>
    </row>
    <row r="65" spans="1:4" x14ac:dyDescent="0.25">
      <c r="A65" s="10" t="s">
        <v>6</v>
      </c>
      <c r="B65" s="10" t="s">
        <v>597</v>
      </c>
      <c r="C65" s="10" t="s">
        <v>598</v>
      </c>
    </row>
    <row r="66" spans="1:4" x14ac:dyDescent="0.25">
      <c r="A66" s="10" t="s">
        <v>7</v>
      </c>
      <c r="B66" s="10" t="s">
        <v>7</v>
      </c>
      <c r="C66" s="10" t="s">
        <v>7</v>
      </c>
    </row>
    <row r="67" spans="1:4" x14ac:dyDescent="0.25">
      <c r="A67" s="2" t="s">
        <v>91</v>
      </c>
      <c r="B67" s="4" t="s">
        <v>599</v>
      </c>
      <c r="C67" s="12">
        <v>88114.34</v>
      </c>
    </row>
    <row r="68" spans="1:4" x14ac:dyDescent="0.25">
      <c r="A68" s="2" t="s">
        <v>93</v>
      </c>
      <c r="B68" s="4" t="s">
        <v>600</v>
      </c>
      <c r="C68" s="12">
        <v>81666985.739999995</v>
      </c>
    </row>
    <row r="69" spans="1:4" x14ac:dyDescent="0.25">
      <c r="A69" s="2" t="s">
        <v>95</v>
      </c>
      <c r="B69" s="4" t="s">
        <v>601</v>
      </c>
      <c r="C69" s="12">
        <v>0</v>
      </c>
    </row>
    <row r="71" spans="1:4" x14ac:dyDescent="0.25">
      <c r="A71" s="10" t="s">
        <v>6</v>
      </c>
      <c r="B71" s="10" t="s">
        <v>602</v>
      </c>
      <c r="C71" s="10" t="s">
        <v>10</v>
      </c>
      <c r="D71" s="10" t="s">
        <v>552</v>
      </c>
    </row>
    <row r="72" spans="1:4" x14ac:dyDescent="0.25">
      <c r="A72" s="10" t="s">
        <v>7</v>
      </c>
      <c r="B72" s="10" t="s">
        <v>7</v>
      </c>
      <c r="C72" s="10" t="s">
        <v>7</v>
      </c>
      <c r="D72" s="10" t="s">
        <v>7</v>
      </c>
    </row>
    <row r="73" spans="1:4" x14ac:dyDescent="0.25">
      <c r="A73" s="3" t="s">
        <v>97</v>
      </c>
      <c r="B73" s="5" t="s">
        <v>603</v>
      </c>
      <c r="C73" s="11">
        <v>0</v>
      </c>
      <c r="D73" s="11">
        <v>0</v>
      </c>
    </row>
    <row r="74" spans="1:4" x14ac:dyDescent="0.25">
      <c r="A74" s="3" t="s">
        <v>99</v>
      </c>
      <c r="B74" s="5" t="s">
        <v>604</v>
      </c>
      <c r="C74" s="11">
        <v>0</v>
      </c>
      <c r="D74" s="11">
        <v>0</v>
      </c>
    </row>
    <row r="75" spans="1:4" x14ac:dyDescent="0.25">
      <c r="A75" s="2" t="s">
        <v>101</v>
      </c>
      <c r="B75" s="4" t="s">
        <v>605</v>
      </c>
      <c r="C75" s="12">
        <v>0</v>
      </c>
      <c r="D75" s="12">
        <v>0</v>
      </c>
    </row>
    <row r="76" spans="1:4" x14ac:dyDescent="0.25">
      <c r="A76" s="2" t="s">
        <v>103</v>
      </c>
      <c r="B76" s="4" t="s">
        <v>606</v>
      </c>
      <c r="C76" s="12">
        <v>0</v>
      </c>
      <c r="D76" s="12">
        <v>0</v>
      </c>
    </row>
    <row r="77" spans="1:4" x14ac:dyDescent="0.25">
      <c r="A77" s="2" t="s">
        <v>105</v>
      </c>
      <c r="B77" s="4" t="s">
        <v>607</v>
      </c>
      <c r="C77" s="12">
        <v>0</v>
      </c>
      <c r="D77" s="12">
        <v>0</v>
      </c>
    </row>
    <row r="78" spans="1:4" x14ac:dyDescent="0.25">
      <c r="A78" s="3" t="s">
        <v>107</v>
      </c>
      <c r="B78" s="5" t="s">
        <v>608</v>
      </c>
      <c r="C78" s="11">
        <v>0</v>
      </c>
      <c r="D78" s="11">
        <v>0</v>
      </c>
    </row>
    <row r="79" spans="1:4" x14ac:dyDescent="0.25">
      <c r="A79" s="2" t="s">
        <v>109</v>
      </c>
      <c r="B79" s="4" t="s">
        <v>605</v>
      </c>
      <c r="C79" s="12">
        <v>0</v>
      </c>
      <c r="D79" s="12">
        <v>0</v>
      </c>
    </row>
    <row r="80" spans="1:4" x14ac:dyDescent="0.25">
      <c r="A80" s="2" t="s">
        <v>111</v>
      </c>
      <c r="B80" s="4" t="s">
        <v>606</v>
      </c>
      <c r="C80" s="12">
        <v>0</v>
      </c>
      <c r="D80" s="12">
        <v>0</v>
      </c>
    </row>
    <row r="81" spans="1:7" x14ac:dyDescent="0.25">
      <c r="A81" s="2" t="s">
        <v>113</v>
      </c>
      <c r="B81" s="4" t="s">
        <v>607</v>
      </c>
      <c r="C81" s="12">
        <v>0</v>
      </c>
      <c r="D81" s="12">
        <v>0</v>
      </c>
    </row>
    <row r="82" spans="1:7" x14ac:dyDescent="0.25">
      <c r="A82" s="3" t="s">
        <v>115</v>
      </c>
      <c r="B82" s="5" t="s">
        <v>609</v>
      </c>
      <c r="C82" s="11">
        <v>0</v>
      </c>
      <c r="D82" s="11">
        <v>0</v>
      </c>
    </row>
    <row r="83" spans="1:7" x14ac:dyDescent="0.25">
      <c r="A83" s="2" t="s">
        <v>117</v>
      </c>
      <c r="B83" s="4" t="s">
        <v>610</v>
      </c>
      <c r="C83" s="12">
        <v>0</v>
      </c>
      <c r="D83" s="12">
        <v>0</v>
      </c>
    </row>
    <row r="84" spans="1:7" x14ac:dyDescent="0.25">
      <c r="A84" s="2" t="s">
        <v>119</v>
      </c>
      <c r="B84" s="4" t="s">
        <v>611</v>
      </c>
      <c r="C84" s="12">
        <v>0</v>
      </c>
      <c r="D84" s="12">
        <v>0</v>
      </c>
    </row>
    <row r="85" spans="1:7" x14ac:dyDescent="0.25">
      <c r="A85" s="2" t="s">
        <v>120</v>
      </c>
      <c r="B85" s="4" t="s">
        <v>612</v>
      </c>
      <c r="C85" s="12">
        <v>0</v>
      </c>
      <c r="D85" s="12">
        <v>0</v>
      </c>
    </row>
    <row r="86" spans="1:7" x14ac:dyDescent="0.25">
      <c r="A86" s="2" t="s">
        <v>121</v>
      </c>
      <c r="B86" s="4" t="s">
        <v>613</v>
      </c>
      <c r="C86" s="12">
        <v>0</v>
      </c>
      <c r="D86" s="12">
        <v>0</v>
      </c>
    </row>
    <row r="87" spans="1:7" x14ac:dyDescent="0.25">
      <c r="A87" s="3" t="s">
        <v>122</v>
      </c>
      <c r="B87" s="5" t="s">
        <v>614</v>
      </c>
      <c r="C87" s="11">
        <v>0</v>
      </c>
      <c r="D87" s="11">
        <v>0</v>
      </c>
    </row>
    <row r="88" spans="1:7" x14ac:dyDescent="0.25">
      <c r="A88" s="2" t="s">
        <v>123</v>
      </c>
      <c r="B88" s="4" t="s">
        <v>615</v>
      </c>
      <c r="C88" s="12">
        <v>0</v>
      </c>
      <c r="D88" s="12">
        <v>0</v>
      </c>
    </row>
    <row r="89" spans="1:7" x14ac:dyDescent="0.25">
      <c r="A89" s="2" t="s">
        <v>124</v>
      </c>
      <c r="B89" s="4" t="s">
        <v>306</v>
      </c>
      <c r="C89" s="12">
        <v>0</v>
      </c>
      <c r="D89" s="12">
        <v>0</v>
      </c>
    </row>
    <row r="90" spans="1:7" x14ac:dyDescent="0.25">
      <c r="A90" s="3" t="s">
        <v>125</v>
      </c>
      <c r="B90" s="5" t="s">
        <v>616</v>
      </c>
      <c r="C90" s="11">
        <v>0</v>
      </c>
      <c r="D90" s="11">
        <v>0</v>
      </c>
    </row>
    <row r="91" spans="1:7" x14ac:dyDescent="0.25">
      <c r="A91" s="2" t="s">
        <v>126</v>
      </c>
      <c r="B91" s="4" t="s">
        <v>617</v>
      </c>
      <c r="C91" s="12">
        <v>0</v>
      </c>
      <c r="D91" s="12">
        <v>0</v>
      </c>
    </row>
    <row r="92" spans="1:7" x14ac:dyDescent="0.25">
      <c r="A92" s="2" t="s">
        <v>127</v>
      </c>
      <c r="B92" s="4" t="s">
        <v>618</v>
      </c>
      <c r="C92" s="12">
        <v>0</v>
      </c>
      <c r="D92" s="12">
        <v>0</v>
      </c>
    </row>
    <row r="93" spans="1:7" x14ac:dyDescent="0.25">
      <c r="A93" s="2" t="s">
        <v>129</v>
      </c>
      <c r="B93" s="4" t="s">
        <v>619</v>
      </c>
      <c r="C93" s="12">
        <v>0</v>
      </c>
      <c r="D93" s="12">
        <v>0</v>
      </c>
    </row>
    <row r="94" spans="1:7" x14ac:dyDescent="0.25">
      <c r="A94" s="3" t="s">
        <v>131</v>
      </c>
      <c r="B94" s="5" t="s">
        <v>620</v>
      </c>
      <c r="C94" s="11">
        <v>0</v>
      </c>
      <c r="D94" s="11">
        <v>0</v>
      </c>
    </row>
    <row r="96" spans="1:7" x14ac:dyDescent="0.25">
      <c r="A96" s="10" t="s">
        <v>6</v>
      </c>
      <c r="B96" s="10" t="s">
        <v>621</v>
      </c>
      <c r="C96" s="10" t="s">
        <v>574</v>
      </c>
      <c r="D96" s="10" t="s">
        <v>575</v>
      </c>
      <c r="E96" s="10" t="s">
        <v>576</v>
      </c>
      <c r="F96" s="10" t="s">
        <v>577</v>
      </c>
      <c r="G96" s="10" t="s">
        <v>578</v>
      </c>
    </row>
    <row r="97" spans="1:7" x14ac:dyDescent="0.25">
      <c r="A97" s="10" t="s">
        <v>7</v>
      </c>
      <c r="B97" s="10" t="s">
        <v>7</v>
      </c>
      <c r="C97" s="10" t="s">
        <v>7</v>
      </c>
      <c r="D97" s="10" t="s">
        <v>7</v>
      </c>
      <c r="E97" s="10" t="s">
        <v>7</v>
      </c>
      <c r="F97" s="10" t="s">
        <v>7</v>
      </c>
      <c r="G97" s="10" t="s">
        <v>7</v>
      </c>
    </row>
    <row r="98" spans="1:7" x14ac:dyDescent="0.25">
      <c r="A98" s="3" t="s">
        <v>133</v>
      </c>
      <c r="B98" s="5" t="s">
        <v>579</v>
      </c>
      <c r="C98" s="11">
        <v>0</v>
      </c>
      <c r="D98" s="11">
        <v>0</v>
      </c>
      <c r="E98" s="11">
        <v>0</v>
      </c>
      <c r="F98" s="11">
        <v>0</v>
      </c>
      <c r="G98" s="11">
        <v>0</v>
      </c>
    </row>
    <row r="99" spans="1:7" x14ac:dyDescent="0.25">
      <c r="A99" s="2" t="s">
        <v>135</v>
      </c>
      <c r="B99" s="4" t="s">
        <v>622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</row>
    <row r="100" spans="1:7" x14ac:dyDescent="0.25">
      <c r="A100" s="2" t="s">
        <v>137</v>
      </c>
      <c r="B100" s="4" t="s">
        <v>581</v>
      </c>
      <c r="C100" s="12">
        <v>0</v>
      </c>
      <c r="D100" s="12">
        <v>0</v>
      </c>
      <c r="E100" s="12">
        <v>0</v>
      </c>
      <c r="F100" s="12">
        <v>0</v>
      </c>
      <c r="G100" s="12">
        <v>0</v>
      </c>
    </row>
    <row r="101" spans="1:7" x14ac:dyDescent="0.25">
      <c r="A101" s="3" t="s">
        <v>139</v>
      </c>
      <c r="B101" s="5" t="s">
        <v>582</v>
      </c>
      <c r="C101" s="11">
        <v>0</v>
      </c>
      <c r="D101" s="11">
        <v>0</v>
      </c>
      <c r="E101" s="11">
        <v>0</v>
      </c>
      <c r="F101" s="11">
        <v>0</v>
      </c>
      <c r="G101" s="11">
        <v>0</v>
      </c>
    </row>
    <row r="102" spans="1:7" x14ac:dyDescent="0.25">
      <c r="A102" s="2" t="s">
        <v>141</v>
      </c>
      <c r="B102" s="4" t="s">
        <v>623</v>
      </c>
      <c r="C102" s="12">
        <v>0</v>
      </c>
      <c r="D102" s="12">
        <v>0</v>
      </c>
      <c r="E102" s="12">
        <v>0</v>
      </c>
      <c r="F102" s="12">
        <v>0</v>
      </c>
      <c r="G102" s="12">
        <v>0</v>
      </c>
    </row>
    <row r="103" spans="1:7" x14ac:dyDescent="0.25">
      <c r="A103" s="2" t="s">
        <v>143</v>
      </c>
      <c r="B103" s="4" t="s">
        <v>583</v>
      </c>
      <c r="C103" s="12">
        <v>0</v>
      </c>
      <c r="D103" s="12">
        <v>0</v>
      </c>
      <c r="E103" s="12">
        <v>0</v>
      </c>
      <c r="F103" s="12">
        <v>0</v>
      </c>
      <c r="G103" s="12">
        <v>0</v>
      </c>
    </row>
    <row r="104" spans="1:7" x14ac:dyDescent="0.25">
      <c r="A104" s="3" t="s">
        <v>145</v>
      </c>
      <c r="B104" s="5" t="s">
        <v>624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</row>
    <row r="106" spans="1:7" x14ac:dyDescent="0.25">
      <c r="A106" s="10" t="s">
        <v>6</v>
      </c>
      <c r="B106" s="10" t="s">
        <v>625</v>
      </c>
      <c r="C106" s="10" t="s">
        <v>574</v>
      </c>
      <c r="D106" s="10" t="s">
        <v>575</v>
      </c>
      <c r="E106" s="10" t="s">
        <v>576</v>
      </c>
      <c r="F106" s="10" t="s">
        <v>577</v>
      </c>
      <c r="G106" s="10" t="s">
        <v>578</v>
      </c>
    </row>
    <row r="107" spans="1:7" x14ac:dyDescent="0.25">
      <c r="A107" s="10" t="s">
        <v>7</v>
      </c>
      <c r="B107" s="10" t="s">
        <v>7</v>
      </c>
      <c r="C107" s="10" t="s">
        <v>7</v>
      </c>
      <c r="D107" s="10" t="s">
        <v>7</v>
      </c>
      <c r="E107" s="10" t="s">
        <v>7</v>
      </c>
      <c r="F107" s="10" t="s">
        <v>7</v>
      </c>
      <c r="G107" s="10" t="s">
        <v>7</v>
      </c>
    </row>
    <row r="108" spans="1:7" x14ac:dyDescent="0.25">
      <c r="A108" s="2" t="s">
        <v>147</v>
      </c>
      <c r="B108" s="4" t="s">
        <v>626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</row>
    <row r="110" spans="1:7" x14ac:dyDescent="0.25">
      <c r="A110" s="10" t="s">
        <v>6</v>
      </c>
      <c r="B110" s="10" t="s">
        <v>627</v>
      </c>
      <c r="C110" s="10" t="s">
        <v>592</v>
      </c>
    </row>
    <row r="111" spans="1:7" x14ac:dyDescent="0.25">
      <c r="A111" s="10" t="s">
        <v>7</v>
      </c>
      <c r="B111" s="10" t="s">
        <v>7</v>
      </c>
      <c r="C111" s="10" t="s">
        <v>7</v>
      </c>
    </row>
    <row r="112" spans="1:7" x14ac:dyDescent="0.25">
      <c r="A112" s="2" t="s">
        <v>149</v>
      </c>
      <c r="B112" s="4" t="s">
        <v>628</v>
      </c>
      <c r="C112" s="12">
        <v>0</v>
      </c>
    </row>
    <row r="113" spans="1:7" x14ac:dyDescent="0.25">
      <c r="A113" s="2" t="s">
        <v>151</v>
      </c>
      <c r="B113" s="4" t="s">
        <v>629</v>
      </c>
      <c r="C113" s="12">
        <v>0</v>
      </c>
    </row>
    <row r="115" spans="1:7" x14ac:dyDescent="0.25">
      <c r="A115" s="10" t="s">
        <v>6</v>
      </c>
      <c r="B115" s="10" t="s">
        <v>630</v>
      </c>
      <c r="C115" s="10" t="s">
        <v>10</v>
      </c>
      <c r="D115" s="10" t="s">
        <v>552</v>
      </c>
    </row>
    <row r="116" spans="1:7" x14ac:dyDescent="0.25">
      <c r="A116" s="10" t="s">
        <v>7</v>
      </c>
      <c r="B116" s="10" t="s">
        <v>7</v>
      </c>
      <c r="C116" s="10" t="s">
        <v>7</v>
      </c>
      <c r="D116" s="10" t="s">
        <v>7</v>
      </c>
    </row>
    <row r="117" spans="1:7" x14ac:dyDescent="0.25">
      <c r="A117" s="2" t="s">
        <v>152</v>
      </c>
      <c r="B117" s="4" t="s">
        <v>631</v>
      </c>
      <c r="C117" s="12">
        <v>8000000</v>
      </c>
      <c r="D117" s="12">
        <v>0</v>
      </c>
    </row>
    <row r="118" spans="1:7" x14ac:dyDescent="0.25">
      <c r="A118" s="3" t="s">
        <v>153</v>
      </c>
      <c r="B118" s="5" t="s">
        <v>632</v>
      </c>
      <c r="C118" s="11">
        <v>8000000</v>
      </c>
      <c r="D118" s="11">
        <v>0</v>
      </c>
    </row>
    <row r="120" spans="1:7" x14ac:dyDescent="0.25">
      <c r="A120" s="10" t="s">
        <v>6</v>
      </c>
      <c r="B120" s="10" t="s">
        <v>633</v>
      </c>
      <c r="C120" s="10" t="s">
        <v>574</v>
      </c>
      <c r="D120" s="10" t="s">
        <v>575</v>
      </c>
      <c r="E120" s="10" t="s">
        <v>576</v>
      </c>
      <c r="F120" s="10" t="s">
        <v>577</v>
      </c>
      <c r="G120" s="10" t="s">
        <v>578</v>
      </c>
    </row>
    <row r="121" spans="1:7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0" t="s">
        <v>7</v>
      </c>
      <c r="F121" s="10" t="s">
        <v>7</v>
      </c>
      <c r="G121" s="10" t="s">
        <v>7</v>
      </c>
    </row>
    <row r="122" spans="1:7" x14ac:dyDescent="0.25">
      <c r="A122" s="3" t="s">
        <v>155</v>
      </c>
      <c r="B122" s="5" t="s">
        <v>634</v>
      </c>
      <c r="C122" s="11">
        <v>24658125.940000001</v>
      </c>
      <c r="D122" s="11">
        <v>4648015.76</v>
      </c>
      <c r="E122" s="11">
        <v>4347301.2699999996</v>
      </c>
      <c r="F122" s="11">
        <v>4295733.29</v>
      </c>
      <c r="G122" s="11">
        <v>0</v>
      </c>
    </row>
    <row r="123" spans="1:7" x14ac:dyDescent="0.25">
      <c r="A123" s="2" t="s">
        <v>157</v>
      </c>
      <c r="B123" s="4" t="s">
        <v>635</v>
      </c>
      <c r="C123" s="12">
        <v>7602260</v>
      </c>
      <c r="D123" s="12">
        <v>1364355.29</v>
      </c>
      <c r="E123" s="12">
        <v>1224014.8799999999</v>
      </c>
      <c r="F123" s="12">
        <v>1219556.8</v>
      </c>
      <c r="G123" s="12">
        <v>0</v>
      </c>
    </row>
    <row r="124" spans="1:7" x14ac:dyDescent="0.25">
      <c r="A124" s="2" t="s">
        <v>159</v>
      </c>
      <c r="B124" s="4" t="s">
        <v>636</v>
      </c>
      <c r="C124" s="12">
        <v>17055865.940000001</v>
      </c>
      <c r="D124" s="12">
        <v>3283660.47</v>
      </c>
      <c r="E124" s="12">
        <v>3123286.39</v>
      </c>
      <c r="F124" s="12">
        <v>3076176.49</v>
      </c>
      <c r="G124" s="12">
        <v>0</v>
      </c>
    </row>
    <row r="125" spans="1:7" x14ac:dyDescent="0.25">
      <c r="A125" s="2" t="s">
        <v>161</v>
      </c>
      <c r="B125" s="4" t="s">
        <v>637</v>
      </c>
      <c r="C125" s="12">
        <v>102820</v>
      </c>
      <c r="D125" s="12">
        <v>770</v>
      </c>
      <c r="E125" s="12">
        <v>0</v>
      </c>
      <c r="F125" s="12">
        <v>0</v>
      </c>
      <c r="G125" s="12">
        <v>0</v>
      </c>
    </row>
    <row r="126" spans="1:7" x14ac:dyDescent="0.25">
      <c r="A126" s="3" t="s">
        <v>163</v>
      </c>
      <c r="B126" s="5" t="s">
        <v>638</v>
      </c>
      <c r="C126" s="11">
        <v>24760945.940000001</v>
      </c>
      <c r="D126" s="11">
        <v>4648785.76</v>
      </c>
      <c r="E126" s="11">
        <v>4347301.2699999996</v>
      </c>
      <c r="F126" s="11">
        <v>4295733.29</v>
      </c>
      <c r="G126" s="11">
        <v>0</v>
      </c>
    </row>
    <row r="128" spans="1:7" x14ac:dyDescent="0.25">
      <c r="A128" s="10" t="s">
        <v>6</v>
      </c>
      <c r="B128" s="10" t="s">
        <v>639</v>
      </c>
      <c r="C128" s="10" t="s">
        <v>574</v>
      </c>
      <c r="D128" s="10" t="s">
        <v>575</v>
      </c>
      <c r="E128" s="10" t="s">
        <v>576</v>
      </c>
      <c r="F128" s="10" t="s">
        <v>577</v>
      </c>
      <c r="G128" s="10" t="s">
        <v>578</v>
      </c>
    </row>
    <row r="129" spans="1:7" x14ac:dyDescent="0.25">
      <c r="A129" s="10" t="s">
        <v>7</v>
      </c>
      <c r="B129" s="10" t="s">
        <v>7</v>
      </c>
      <c r="C129" s="10" t="s">
        <v>7</v>
      </c>
      <c r="D129" s="10" t="s">
        <v>7</v>
      </c>
      <c r="E129" s="10" t="s">
        <v>7</v>
      </c>
      <c r="F129" s="10" t="s">
        <v>7</v>
      </c>
      <c r="G129" s="10" t="s">
        <v>7</v>
      </c>
    </row>
    <row r="130" spans="1:7" x14ac:dyDescent="0.25">
      <c r="A130" s="2" t="s">
        <v>176</v>
      </c>
      <c r="B130" s="4" t="s">
        <v>640</v>
      </c>
      <c r="C130" s="12">
        <v>-16760945.939999999</v>
      </c>
      <c r="D130" s="12">
        <v>-4648785.76</v>
      </c>
      <c r="E130" s="12">
        <v>-4347301.2699999996</v>
      </c>
      <c r="F130" s="12">
        <v>-4295733.29</v>
      </c>
      <c r="G130" s="12">
        <v>0</v>
      </c>
    </row>
    <row r="132" spans="1:7" x14ac:dyDescent="0.25">
      <c r="A132" s="10" t="s">
        <v>6</v>
      </c>
      <c r="B132" s="10" t="s">
        <v>641</v>
      </c>
      <c r="C132" s="10" t="s">
        <v>10</v>
      </c>
      <c r="D132" s="10" t="s">
        <v>552</v>
      </c>
    </row>
    <row r="133" spans="1:7" x14ac:dyDescent="0.25">
      <c r="A133" s="10" t="s">
        <v>7</v>
      </c>
      <c r="B133" s="10" t="s">
        <v>7</v>
      </c>
      <c r="C133" s="10" t="s">
        <v>7</v>
      </c>
      <c r="D133" s="10" t="s">
        <v>7</v>
      </c>
    </row>
    <row r="134" spans="1:7" x14ac:dyDescent="0.25">
      <c r="A134" s="2" t="s">
        <v>178</v>
      </c>
      <c r="B134" s="4" t="s">
        <v>642</v>
      </c>
      <c r="C134" s="12">
        <v>0</v>
      </c>
      <c r="D134" s="12">
        <v>0</v>
      </c>
    </row>
    <row r="135" spans="1:7" x14ac:dyDescent="0.25">
      <c r="A135" s="2" t="s">
        <v>180</v>
      </c>
      <c r="B135" s="4" t="s">
        <v>643</v>
      </c>
      <c r="C135" s="12">
        <v>0</v>
      </c>
      <c r="D135" s="12">
        <v>0</v>
      </c>
    </row>
    <row r="136" spans="1:7" x14ac:dyDescent="0.25">
      <c r="A136" s="3" t="s">
        <v>182</v>
      </c>
      <c r="B136" s="5" t="s">
        <v>644</v>
      </c>
      <c r="C136" s="11">
        <v>0</v>
      </c>
      <c r="D136" s="11">
        <v>0</v>
      </c>
    </row>
    <row r="138" spans="1:7" x14ac:dyDescent="0.25">
      <c r="A138" s="10" t="s">
        <v>6</v>
      </c>
      <c r="B138" s="10" t="s">
        <v>645</v>
      </c>
      <c r="C138" s="10" t="s">
        <v>574</v>
      </c>
      <c r="D138" s="10" t="s">
        <v>575</v>
      </c>
      <c r="E138" s="10" t="s">
        <v>576</v>
      </c>
      <c r="F138" s="10" t="s">
        <v>577</v>
      </c>
      <c r="G138" s="10" t="s">
        <v>578</v>
      </c>
    </row>
    <row r="139" spans="1:7" x14ac:dyDescent="0.25">
      <c r="A139" s="10" t="s">
        <v>7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0" t="s">
        <v>7</v>
      </c>
    </row>
    <row r="140" spans="1:7" x14ac:dyDescent="0.25">
      <c r="A140" s="2" t="s">
        <v>184</v>
      </c>
      <c r="B140" s="4" t="s">
        <v>646</v>
      </c>
      <c r="C140" s="12">
        <v>556766137.49000001</v>
      </c>
      <c r="D140" s="12">
        <v>336463166.25</v>
      </c>
      <c r="E140" s="12">
        <v>313007722.26999998</v>
      </c>
      <c r="F140" s="12">
        <v>313007722.26999998</v>
      </c>
      <c r="G140" s="12">
        <v>0</v>
      </c>
    </row>
    <row r="141" spans="1:7" x14ac:dyDescent="0.25">
      <c r="A141" s="2" t="s">
        <v>186</v>
      </c>
      <c r="B141" s="4" t="s">
        <v>647</v>
      </c>
      <c r="C141" s="12">
        <v>79829501.680000007</v>
      </c>
      <c r="D141" s="12">
        <v>31088447.210000001</v>
      </c>
      <c r="E141" s="12">
        <v>26387994.739999998</v>
      </c>
      <c r="F141" s="12">
        <v>26387994.739999998</v>
      </c>
      <c r="G141" s="12">
        <v>0</v>
      </c>
    </row>
    <row r="142" spans="1:7" x14ac:dyDescent="0.25">
      <c r="A142" s="2" t="s">
        <v>188</v>
      </c>
      <c r="B142" s="4" t="s">
        <v>582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</row>
    <row r="143" spans="1:7" x14ac:dyDescent="0.25">
      <c r="A143" s="3" t="s">
        <v>190</v>
      </c>
      <c r="B143" s="5" t="s">
        <v>648</v>
      </c>
      <c r="C143" s="11">
        <v>636595639.16999996</v>
      </c>
      <c r="D143" s="11">
        <v>367551613.45999998</v>
      </c>
      <c r="E143" s="11">
        <v>339395717.00999999</v>
      </c>
      <c r="F143" s="11">
        <v>339395717.00999999</v>
      </c>
      <c r="G143" s="11">
        <v>0</v>
      </c>
    </row>
    <row r="145" spans="1:7" x14ac:dyDescent="0.25">
      <c r="A145" s="10" t="s">
        <v>6</v>
      </c>
      <c r="B145" s="10" t="s">
        <v>649</v>
      </c>
      <c r="C145" s="10" t="s">
        <v>574</v>
      </c>
      <c r="D145" s="10" t="s">
        <v>575</v>
      </c>
      <c r="E145" s="10" t="s">
        <v>576</v>
      </c>
      <c r="F145" s="10" t="s">
        <v>577</v>
      </c>
      <c r="G145" s="10" t="s">
        <v>578</v>
      </c>
    </row>
    <row r="146" spans="1:7" x14ac:dyDescent="0.25">
      <c r="A146" s="10" t="s">
        <v>7</v>
      </c>
      <c r="B146" s="10" t="s">
        <v>7</v>
      </c>
      <c r="C146" s="10" t="s">
        <v>7</v>
      </c>
      <c r="D146" s="10" t="s">
        <v>7</v>
      </c>
      <c r="E146" s="10" t="s">
        <v>7</v>
      </c>
      <c r="F146" s="10" t="s">
        <v>7</v>
      </c>
      <c r="G146" s="10" t="s">
        <v>7</v>
      </c>
    </row>
    <row r="147" spans="1:7" x14ac:dyDescent="0.25">
      <c r="A147" s="2" t="s">
        <v>192</v>
      </c>
      <c r="B147" s="4" t="s">
        <v>650</v>
      </c>
      <c r="C147" s="12">
        <v>-636595639.16999996</v>
      </c>
      <c r="D147" s="12">
        <v>-367551613.45999998</v>
      </c>
      <c r="E147" s="12">
        <v>-339395717.00999999</v>
      </c>
      <c r="F147" s="12">
        <v>-339395717.00999999</v>
      </c>
      <c r="G147" s="12">
        <v>0</v>
      </c>
    </row>
    <row r="149" spans="1:7" x14ac:dyDescent="0.25">
      <c r="A149" s="10" t="s">
        <v>6</v>
      </c>
      <c r="B149" s="10" t="s">
        <v>651</v>
      </c>
      <c r="C149" s="10" t="s">
        <v>10</v>
      </c>
      <c r="D149" s="10" t="s">
        <v>552</v>
      </c>
    </row>
    <row r="150" spans="1:7" x14ac:dyDescent="0.25">
      <c r="A150" s="10" t="s">
        <v>7</v>
      </c>
      <c r="B150" s="10" t="s">
        <v>7</v>
      </c>
      <c r="C150" s="10" t="s">
        <v>7</v>
      </c>
      <c r="D150" s="10" t="s">
        <v>7</v>
      </c>
    </row>
    <row r="151" spans="1:7" x14ac:dyDescent="0.25">
      <c r="A151" s="2" t="s">
        <v>194</v>
      </c>
      <c r="B151" s="4" t="s">
        <v>652</v>
      </c>
      <c r="C151" s="12">
        <v>275903900</v>
      </c>
      <c r="D151" s="12">
        <v>12644980.810000001</v>
      </c>
    </row>
    <row r="152" spans="1:7" x14ac:dyDescent="0.25">
      <c r="A152" s="2" t="s">
        <v>196</v>
      </c>
      <c r="B152" s="4" t="s">
        <v>653</v>
      </c>
      <c r="C152" s="12">
        <v>93536700</v>
      </c>
      <c r="D152" s="12">
        <v>11952888.699999999</v>
      </c>
    </row>
    <row r="153" spans="1:7" x14ac:dyDescent="0.25">
      <c r="A153" s="2" t="s">
        <v>198</v>
      </c>
      <c r="B153" s="4" t="s">
        <v>654</v>
      </c>
      <c r="C153" s="12">
        <v>10912800</v>
      </c>
      <c r="D153" s="12">
        <v>1876963.33</v>
      </c>
    </row>
    <row r="154" spans="1:7" x14ac:dyDescent="0.25">
      <c r="A154" s="2" t="s">
        <v>200</v>
      </c>
      <c r="B154" s="4" t="s">
        <v>655</v>
      </c>
      <c r="C154" s="12">
        <v>0</v>
      </c>
      <c r="D154" s="12">
        <v>0</v>
      </c>
    </row>
    <row r="155" spans="1:7" x14ac:dyDescent="0.25">
      <c r="A155" s="3" t="s">
        <v>202</v>
      </c>
      <c r="B155" s="5" t="s">
        <v>656</v>
      </c>
      <c r="C155" s="11">
        <v>380353400</v>
      </c>
      <c r="D155" s="11">
        <v>26474832.84</v>
      </c>
    </row>
    <row r="157" spans="1:7" x14ac:dyDescent="0.25">
      <c r="A157" s="10" t="s">
        <v>6</v>
      </c>
      <c r="B157" s="10" t="s">
        <v>657</v>
      </c>
      <c r="C157" s="10" t="s">
        <v>574</v>
      </c>
      <c r="D157" s="10" t="s">
        <v>575</v>
      </c>
      <c r="E157" s="10" t="s">
        <v>576</v>
      </c>
      <c r="F157" s="10" t="s">
        <v>577</v>
      </c>
      <c r="G157" s="10" t="s">
        <v>578</v>
      </c>
    </row>
    <row r="158" spans="1:7" x14ac:dyDescent="0.25">
      <c r="A158" s="10" t="s">
        <v>7</v>
      </c>
      <c r="B158" s="10" t="s">
        <v>7</v>
      </c>
      <c r="C158" s="10" t="s">
        <v>7</v>
      </c>
      <c r="D158" s="10" t="s">
        <v>7</v>
      </c>
      <c r="E158" s="10" t="s">
        <v>7</v>
      </c>
      <c r="F158" s="10" t="s">
        <v>7</v>
      </c>
      <c r="G158" s="10" t="s">
        <v>7</v>
      </c>
    </row>
    <row r="159" spans="1:7" x14ac:dyDescent="0.25">
      <c r="A159" s="2" t="s">
        <v>204</v>
      </c>
      <c r="B159" s="4" t="s">
        <v>658</v>
      </c>
      <c r="C159" s="12">
        <v>95160000</v>
      </c>
      <c r="D159" s="12">
        <v>38093718.289999999</v>
      </c>
      <c r="E159" s="12">
        <v>29315132.359999999</v>
      </c>
      <c r="F159" s="12">
        <v>29315132.359999999</v>
      </c>
      <c r="G159" s="12">
        <v>0</v>
      </c>
    </row>
    <row r="160" spans="1:7" x14ac:dyDescent="0.25">
      <c r="A160" s="2" t="s">
        <v>206</v>
      </c>
      <c r="B160" s="4" t="s">
        <v>647</v>
      </c>
      <c r="C160" s="12">
        <v>4840000</v>
      </c>
      <c r="D160" s="12">
        <v>2530509.88</v>
      </c>
      <c r="E160" s="12">
        <v>1876963.33</v>
      </c>
      <c r="F160" s="12">
        <v>1876963.33</v>
      </c>
      <c r="G160" s="12">
        <v>0</v>
      </c>
    </row>
    <row r="161" spans="1:7" x14ac:dyDescent="0.25">
      <c r="A161" s="2" t="s">
        <v>208</v>
      </c>
      <c r="B161" s="4" t="s">
        <v>659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</row>
    <row r="162" spans="1:7" x14ac:dyDescent="0.25">
      <c r="A162" s="3" t="s">
        <v>210</v>
      </c>
      <c r="B162" s="5" t="s">
        <v>660</v>
      </c>
      <c r="C162" s="11">
        <v>100000000</v>
      </c>
      <c r="D162" s="11">
        <v>40624228.170000002</v>
      </c>
      <c r="E162" s="11">
        <v>31192095.690000001</v>
      </c>
      <c r="F162" s="11">
        <v>31192095.690000001</v>
      </c>
      <c r="G162" s="11">
        <v>0</v>
      </c>
    </row>
    <row r="164" spans="1:7" x14ac:dyDescent="0.25">
      <c r="A164" s="10" t="s">
        <v>6</v>
      </c>
      <c r="B164" s="10" t="s">
        <v>661</v>
      </c>
      <c r="C164" s="10" t="s">
        <v>574</v>
      </c>
      <c r="D164" s="10" t="s">
        <v>575</v>
      </c>
      <c r="E164" s="10" t="s">
        <v>576</v>
      </c>
      <c r="F164" s="10" t="s">
        <v>577</v>
      </c>
      <c r="G164" s="10" t="s">
        <v>578</v>
      </c>
    </row>
    <row r="165" spans="1:7" x14ac:dyDescent="0.25">
      <c r="A165" s="10" t="s">
        <v>7</v>
      </c>
      <c r="B165" s="10" t="s">
        <v>7</v>
      </c>
      <c r="C165" s="10" t="s">
        <v>7</v>
      </c>
      <c r="D165" s="10" t="s">
        <v>7</v>
      </c>
      <c r="E165" s="10" t="s">
        <v>7</v>
      </c>
      <c r="F165" s="10" t="s">
        <v>7</v>
      </c>
      <c r="G165" s="10" t="s">
        <v>7</v>
      </c>
    </row>
    <row r="166" spans="1:7" x14ac:dyDescent="0.25">
      <c r="A166" s="2" t="s">
        <v>212</v>
      </c>
      <c r="B166" s="4" t="s">
        <v>662</v>
      </c>
      <c r="C166" s="12">
        <v>280353400</v>
      </c>
      <c r="D166" s="12">
        <v>-14149395.33</v>
      </c>
      <c r="E166" s="12">
        <v>-4717262.8499999996</v>
      </c>
      <c r="F166" s="12">
        <v>-4717262.8499999996</v>
      </c>
      <c r="G166" s="12">
        <v>0</v>
      </c>
    </row>
  </sheetData>
  <mergeCells count="111">
    <mergeCell ref="E157:E158"/>
    <mergeCell ref="F157:F158"/>
    <mergeCell ref="G157:G158"/>
    <mergeCell ref="A164:A165"/>
    <mergeCell ref="B164:B165"/>
    <mergeCell ref="C164:C165"/>
    <mergeCell ref="D164:D165"/>
    <mergeCell ref="E164:E165"/>
    <mergeCell ref="F164:F165"/>
    <mergeCell ref="G164:G165"/>
    <mergeCell ref="A149:A150"/>
    <mergeCell ref="B149:B150"/>
    <mergeCell ref="C149:C150"/>
    <mergeCell ref="D149:D150"/>
    <mergeCell ref="A157:A158"/>
    <mergeCell ref="B157:B158"/>
    <mergeCell ref="C157:C158"/>
    <mergeCell ref="D157:D158"/>
    <mergeCell ref="E138:E139"/>
    <mergeCell ref="F138:F139"/>
    <mergeCell ref="G138:G139"/>
    <mergeCell ref="A145:A146"/>
    <mergeCell ref="B145:B146"/>
    <mergeCell ref="C145:C146"/>
    <mergeCell ref="D145:D146"/>
    <mergeCell ref="E145:E146"/>
    <mergeCell ref="F145:F146"/>
    <mergeCell ref="G145:G146"/>
    <mergeCell ref="A132:A133"/>
    <mergeCell ref="B132:B133"/>
    <mergeCell ref="C132:C133"/>
    <mergeCell ref="D132:D133"/>
    <mergeCell ref="A138:A139"/>
    <mergeCell ref="B138:B139"/>
    <mergeCell ref="C138:C139"/>
    <mergeCell ref="D138:D139"/>
    <mergeCell ref="E120:E121"/>
    <mergeCell ref="F120:F121"/>
    <mergeCell ref="G120:G121"/>
    <mergeCell ref="A128:A129"/>
    <mergeCell ref="B128:B129"/>
    <mergeCell ref="C128:C129"/>
    <mergeCell ref="D128:D129"/>
    <mergeCell ref="E128:E129"/>
    <mergeCell ref="F128:F129"/>
    <mergeCell ref="G128:G129"/>
    <mergeCell ref="D115:D116"/>
    <mergeCell ref="A120:A121"/>
    <mergeCell ref="B120:B121"/>
    <mergeCell ref="C120:C121"/>
    <mergeCell ref="D120:D121"/>
    <mergeCell ref="A110:A111"/>
    <mergeCell ref="B110:B111"/>
    <mergeCell ref="C110:C111"/>
    <mergeCell ref="A115:A116"/>
    <mergeCell ref="B115:B116"/>
    <mergeCell ref="C115:C116"/>
    <mergeCell ref="E96:E97"/>
    <mergeCell ref="F96:F97"/>
    <mergeCell ref="G96:G97"/>
    <mergeCell ref="A106:A107"/>
    <mergeCell ref="B106:B107"/>
    <mergeCell ref="C106:C107"/>
    <mergeCell ref="D106:D107"/>
    <mergeCell ref="E106:E107"/>
    <mergeCell ref="F106:F107"/>
    <mergeCell ref="G106:G107"/>
    <mergeCell ref="A71:A72"/>
    <mergeCell ref="B71:B72"/>
    <mergeCell ref="C71:C72"/>
    <mergeCell ref="D71:D72"/>
    <mergeCell ref="A96:A97"/>
    <mergeCell ref="B96:B97"/>
    <mergeCell ref="C96:C97"/>
    <mergeCell ref="D96:D97"/>
    <mergeCell ref="A58:A59"/>
    <mergeCell ref="B58:B59"/>
    <mergeCell ref="C58:C59"/>
    <mergeCell ref="A65:A66"/>
    <mergeCell ref="B65:B66"/>
    <mergeCell ref="C65:C66"/>
    <mergeCell ref="A50:A51"/>
    <mergeCell ref="B50:B51"/>
    <mergeCell ref="C50:C51"/>
    <mergeCell ref="A54:A55"/>
    <mergeCell ref="B54:B55"/>
    <mergeCell ref="C54:C55"/>
    <mergeCell ref="F36:F37"/>
    <mergeCell ref="G36:G37"/>
    <mergeCell ref="A46:A47"/>
    <mergeCell ref="B46:B47"/>
    <mergeCell ref="C46:C47"/>
    <mergeCell ref="D46:D47"/>
    <mergeCell ref="E46:E47"/>
    <mergeCell ref="F46:F47"/>
    <mergeCell ref="G46:G47"/>
    <mergeCell ref="A36:A37"/>
    <mergeCell ref="B36:B37"/>
    <mergeCell ref="C36:C37"/>
    <mergeCell ref="D36:D37"/>
    <mergeCell ref="E36:E37"/>
    <mergeCell ref="A9:G9"/>
    <mergeCell ref="A10:A11"/>
    <mergeCell ref="B10:B11"/>
    <mergeCell ref="C10:C11"/>
    <mergeCell ref="D10:D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6"/>
  <sheetViews>
    <sheetView showGridLines="0" topLeftCell="A122" workbookViewId="0">
      <selection activeCell="C129" sqref="C129:H136"/>
    </sheetView>
  </sheetViews>
  <sheetFormatPr defaultRowHeight="15" x14ac:dyDescent="0.25"/>
  <cols>
    <col min="1" max="1" width="2.7109375" bestFit="1" customWidth="1"/>
    <col min="2" max="2" width="85" bestFit="1" customWidth="1"/>
    <col min="3" max="3" width="20.28515625" bestFit="1" customWidth="1"/>
    <col min="4" max="4" width="19.140625" bestFit="1" customWidth="1"/>
    <col min="5" max="6" width="19" bestFit="1" customWidth="1"/>
    <col min="7" max="7" width="29.85546875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663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664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665</v>
      </c>
      <c r="C10" s="10" t="s">
        <v>666</v>
      </c>
      <c r="D10" s="1" t="s">
        <v>667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668</v>
      </c>
    </row>
    <row r="12" spans="1:9" x14ac:dyDescent="0.25">
      <c r="A12" s="3" t="s">
        <v>17</v>
      </c>
      <c r="B12" s="5" t="s">
        <v>553</v>
      </c>
      <c r="C12" s="11">
        <v>14254648800</v>
      </c>
      <c r="D12" s="11">
        <v>5382174589.9399996</v>
      </c>
    </row>
    <row r="13" spans="1:9" x14ac:dyDescent="0.25">
      <c r="A13" s="3" t="s">
        <v>19</v>
      </c>
      <c r="B13" s="5" t="s">
        <v>669</v>
      </c>
      <c r="C13" s="11">
        <v>7750745900</v>
      </c>
      <c r="D13" s="11">
        <v>3100844188.5500002</v>
      </c>
    </row>
    <row r="14" spans="1:9" x14ac:dyDescent="0.25">
      <c r="A14" s="2" t="s">
        <v>21</v>
      </c>
      <c r="B14" s="4" t="s">
        <v>670</v>
      </c>
      <c r="C14" s="12">
        <v>6049418100</v>
      </c>
      <c r="D14" s="12">
        <v>2378356338.6700001</v>
      </c>
    </row>
    <row r="15" spans="1:9" x14ac:dyDescent="0.25">
      <c r="A15" s="2" t="s">
        <v>23</v>
      </c>
      <c r="B15" s="4" t="s">
        <v>671</v>
      </c>
      <c r="C15" s="12">
        <v>292321400</v>
      </c>
      <c r="D15" s="12">
        <v>229286792.46000001</v>
      </c>
    </row>
    <row r="16" spans="1:9" x14ac:dyDescent="0.25">
      <c r="A16" s="2" t="s">
        <v>25</v>
      </c>
      <c r="B16" s="4" t="s">
        <v>672</v>
      </c>
      <c r="C16" s="12">
        <v>146275700</v>
      </c>
      <c r="D16" s="12">
        <v>69856483.189999998</v>
      </c>
    </row>
    <row r="17" spans="1:4" x14ac:dyDescent="0.25">
      <c r="A17" s="2" t="s">
        <v>27</v>
      </c>
      <c r="B17" s="4" t="s">
        <v>673</v>
      </c>
      <c r="C17" s="12">
        <v>992521700</v>
      </c>
      <c r="D17" s="12">
        <v>330286192.12</v>
      </c>
    </row>
    <row r="18" spans="1:4" x14ac:dyDescent="0.25">
      <c r="A18" s="2" t="s">
        <v>29</v>
      </c>
      <c r="B18" s="4" t="s">
        <v>674</v>
      </c>
      <c r="C18" s="12">
        <v>270209000</v>
      </c>
      <c r="D18" s="12">
        <v>93058382.109999999</v>
      </c>
    </row>
    <row r="19" spans="1:4" x14ac:dyDescent="0.25">
      <c r="A19" s="2" t="s">
        <v>31</v>
      </c>
      <c r="B19" s="4" t="s">
        <v>675</v>
      </c>
      <c r="C19" s="12">
        <v>870355100</v>
      </c>
      <c r="D19" s="12">
        <v>264274003.25</v>
      </c>
    </row>
    <row r="20" spans="1:4" x14ac:dyDescent="0.25">
      <c r="A20" s="3" t="s">
        <v>33</v>
      </c>
      <c r="B20" s="5" t="s">
        <v>559</v>
      </c>
      <c r="C20" s="11">
        <v>110822700</v>
      </c>
      <c r="D20" s="11">
        <v>40349057.170000002</v>
      </c>
    </row>
    <row r="21" spans="1:4" x14ac:dyDescent="0.25">
      <c r="A21" s="2" t="s">
        <v>35</v>
      </c>
      <c r="B21" s="4" t="s">
        <v>676</v>
      </c>
      <c r="C21" s="12">
        <v>64343900</v>
      </c>
      <c r="D21" s="12">
        <v>16763947.310000001</v>
      </c>
    </row>
    <row r="22" spans="1:4" x14ac:dyDescent="0.25">
      <c r="A22" s="2" t="s">
        <v>37</v>
      </c>
      <c r="B22" s="4" t="s">
        <v>562</v>
      </c>
      <c r="C22" s="12">
        <v>46478800</v>
      </c>
      <c r="D22" s="12">
        <v>23585109.859999999</v>
      </c>
    </row>
    <row r="23" spans="1:4" x14ac:dyDescent="0.25">
      <c r="A23" s="3" t="s">
        <v>39</v>
      </c>
      <c r="B23" s="5" t="s">
        <v>677</v>
      </c>
      <c r="C23" s="11">
        <v>4565218200</v>
      </c>
      <c r="D23" s="11">
        <v>1716873145.73</v>
      </c>
    </row>
    <row r="24" spans="1:4" x14ac:dyDescent="0.25">
      <c r="A24" s="2" t="s">
        <v>41</v>
      </c>
      <c r="B24" s="4" t="s">
        <v>678</v>
      </c>
      <c r="C24" s="12">
        <v>1018995300</v>
      </c>
      <c r="D24" s="12">
        <v>458242566.18000001</v>
      </c>
    </row>
    <row r="25" spans="1:4" x14ac:dyDescent="0.25">
      <c r="A25" s="2" t="s">
        <v>43</v>
      </c>
      <c r="B25" s="4" t="s">
        <v>679</v>
      </c>
      <c r="C25" s="12">
        <v>15230500</v>
      </c>
      <c r="D25" s="12">
        <v>0</v>
      </c>
    </row>
    <row r="26" spans="1:4" x14ac:dyDescent="0.25">
      <c r="A26" s="2" t="s">
        <v>45</v>
      </c>
      <c r="B26" s="4" t="s">
        <v>680</v>
      </c>
      <c r="C26" s="12">
        <v>66295000</v>
      </c>
      <c r="D26" s="12">
        <v>27922972.129999999</v>
      </c>
    </row>
    <row r="27" spans="1:4" x14ac:dyDescent="0.25">
      <c r="A27" s="2" t="s">
        <v>47</v>
      </c>
      <c r="B27" s="4" t="s">
        <v>681</v>
      </c>
      <c r="C27" s="12">
        <v>1205818000</v>
      </c>
      <c r="D27" s="12">
        <v>463471021.69999999</v>
      </c>
    </row>
    <row r="28" spans="1:4" x14ac:dyDescent="0.25">
      <c r="A28" s="2" t="s">
        <v>49</v>
      </c>
      <c r="B28" s="4" t="s">
        <v>682</v>
      </c>
      <c r="C28" s="12">
        <v>2258879400</v>
      </c>
      <c r="D28" s="12">
        <v>767236585.72000003</v>
      </c>
    </row>
    <row r="29" spans="1:4" x14ac:dyDescent="0.25">
      <c r="A29" s="3" t="s">
        <v>51</v>
      </c>
      <c r="B29" s="5" t="s">
        <v>683</v>
      </c>
      <c r="C29" s="11">
        <v>957506900</v>
      </c>
      <c r="D29" s="11">
        <v>259834195.24000001</v>
      </c>
    </row>
    <row r="30" spans="1:4" x14ac:dyDescent="0.25">
      <c r="A30" s="2" t="s">
        <v>53</v>
      </c>
      <c r="B30" s="4" t="s">
        <v>684</v>
      </c>
      <c r="C30" s="12">
        <v>1763300</v>
      </c>
      <c r="D30" s="12">
        <v>280631.61</v>
      </c>
    </row>
    <row r="31" spans="1:4" x14ac:dyDescent="0.25">
      <c r="A31" s="2" t="s">
        <v>55</v>
      </c>
      <c r="B31" s="4" t="s">
        <v>685</v>
      </c>
      <c r="C31" s="12">
        <v>955743600</v>
      </c>
      <c r="D31" s="12">
        <v>259553563.63</v>
      </c>
    </row>
    <row r="32" spans="1:4" x14ac:dyDescent="0.25">
      <c r="A32" s="2" t="s">
        <v>57</v>
      </c>
      <c r="B32" s="4" t="s">
        <v>686</v>
      </c>
      <c r="C32" s="12">
        <v>14188541600</v>
      </c>
      <c r="D32" s="12">
        <v>5365130011.0200005</v>
      </c>
    </row>
    <row r="33" spans="1:4" x14ac:dyDescent="0.25">
      <c r="A33" s="3" t="s">
        <v>59</v>
      </c>
      <c r="B33" s="5" t="s">
        <v>687</v>
      </c>
      <c r="C33" s="11">
        <v>1399200500</v>
      </c>
      <c r="D33" s="11">
        <v>10642048.18</v>
      </c>
    </row>
    <row r="34" spans="1:4" x14ac:dyDescent="0.25">
      <c r="A34" s="2" t="s">
        <v>61</v>
      </c>
      <c r="B34" s="4" t="s">
        <v>688</v>
      </c>
      <c r="C34" s="12">
        <v>124511000</v>
      </c>
      <c r="D34" s="12">
        <v>0</v>
      </c>
    </row>
    <row r="35" spans="1:4" x14ac:dyDescent="0.25">
      <c r="A35" s="2" t="s">
        <v>63</v>
      </c>
      <c r="B35" s="4" t="s">
        <v>689</v>
      </c>
      <c r="C35" s="12">
        <v>8150600</v>
      </c>
      <c r="D35" s="12">
        <v>2903053.48</v>
      </c>
    </row>
    <row r="36" spans="1:4" x14ac:dyDescent="0.25">
      <c r="A36" s="3" t="s">
        <v>65</v>
      </c>
      <c r="B36" s="5" t="s">
        <v>690</v>
      </c>
      <c r="C36" s="11">
        <v>5395200</v>
      </c>
      <c r="D36" s="11">
        <v>1889052.62</v>
      </c>
    </row>
    <row r="37" spans="1:4" x14ac:dyDescent="0.25">
      <c r="A37" s="2" t="s">
        <v>67</v>
      </c>
      <c r="B37" s="4" t="s">
        <v>691</v>
      </c>
      <c r="C37" s="12">
        <v>0</v>
      </c>
      <c r="D37" s="12">
        <v>0</v>
      </c>
    </row>
    <row r="38" spans="1:4" x14ac:dyDescent="0.25">
      <c r="A38" s="2" t="s">
        <v>69</v>
      </c>
      <c r="B38" s="4" t="s">
        <v>692</v>
      </c>
      <c r="C38" s="12">
        <v>0</v>
      </c>
      <c r="D38" s="12">
        <v>0</v>
      </c>
    </row>
    <row r="39" spans="1:4" x14ac:dyDescent="0.25">
      <c r="A39" s="2" t="s">
        <v>71</v>
      </c>
      <c r="B39" s="4" t="s">
        <v>693</v>
      </c>
      <c r="C39" s="12">
        <v>5395200</v>
      </c>
      <c r="D39" s="12">
        <v>1889052.62</v>
      </c>
    </row>
    <row r="40" spans="1:4" x14ac:dyDescent="0.25">
      <c r="A40" s="3" t="s">
        <v>73</v>
      </c>
      <c r="B40" s="5" t="s">
        <v>694</v>
      </c>
      <c r="C40" s="11">
        <v>613073700</v>
      </c>
      <c r="D40" s="11">
        <v>5849942.0800000001</v>
      </c>
    </row>
    <row r="41" spans="1:4" x14ac:dyDescent="0.25">
      <c r="A41" s="2" t="s">
        <v>75</v>
      </c>
      <c r="B41" s="4" t="s">
        <v>695</v>
      </c>
      <c r="C41" s="12">
        <v>579230200</v>
      </c>
      <c r="D41" s="12">
        <v>3632438.08</v>
      </c>
    </row>
    <row r="42" spans="1:4" x14ac:dyDescent="0.25">
      <c r="A42" s="2" t="s">
        <v>77</v>
      </c>
      <c r="B42" s="4" t="s">
        <v>696</v>
      </c>
      <c r="C42" s="12">
        <v>33843500</v>
      </c>
      <c r="D42" s="12">
        <v>2217504</v>
      </c>
    </row>
    <row r="43" spans="1:4" x14ac:dyDescent="0.25">
      <c r="A43" s="3" t="s">
        <v>79</v>
      </c>
      <c r="B43" s="5" t="s">
        <v>571</v>
      </c>
      <c r="C43" s="11">
        <v>648070000</v>
      </c>
      <c r="D43" s="11">
        <v>0</v>
      </c>
    </row>
    <row r="44" spans="1:4" x14ac:dyDescent="0.25">
      <c r="A44" s="2" t="s">
        <v>81</v>
      </c>
      <c r="B44" s="4" t="s">
        <v>697</v>
      </c>
      <c r="C44" s="12">
        <v>0</v>
      </c>
      <c r="D44" s="12">
        <v>0</v>
      </c>
    </row>
    <row r="45" spans="1:4" x14ac:dyDescent="0.25">
      <c r="A45" s="2" t="s">
        <v>83</v>
      </c>
      <c r="B45" s="4" t="s">
        <v>698</v>
      </c>
      <c r="C45" s="12">
        <v>648070000</v>
      </c>
      <c r="D45" s="12">
        <v>0</v>
      </c>
    </row>
    <row r="46" spans="1:4" x14ac:dyDescent="0.25">
      <c r="A46" s="2" t="s">
        <v>85</v>
      </c>
      <c r="B46" s="4" t="s">
        <v>699</v>
      </c>
      <c r="C46" s="12">
        <v>1266538900</v>
      </c>
      <c r="D46" s="12">
        <v>7738994.7000000002</v>
      </c>
    </row>
    <row r="47" spans="1:4" x14ac:dyDescent="0.25">
      <c r="A47" s="3" t="s">
        <v>87</v>
      </c>
      <c r="B47" s="5" t="s">
        <v>700</v>
      </c>
      <c r="C47" s="11">
        <v>15455080500</v>
      </c>
      <c r="D47" s="11">
        <v>5372869005.7200003</v>
      </c>
    </row>
    <row r="49" spans="1:9" x14ac:dyDescent="0.25">
      <c r="A49" s="10" t="s">
        <v>6</v>
      </c>
      <c r="B49" s="10" t="s">
        <v>701</v>
      </c>
      <c r="C49" s="10" t="s">
        <v>702</v>
      </c>
      <c r="D49" s="10" t="s">
        <v>667</v>
      </c>
      <c r="E49" s="10" t="s">
        <v>7</v>
      </c>
      <c r="F49" s="10" t="s">
        <v>7</v>
      </c>
      <c r="G49" s="10" t="s">
        <v>7</v>
      </c>
      <c r="H49" s="10" t="s">
        <v>705</v>
      </c>
      <c r="I49" s="10" t="s">
        <v>705</v>
      </c>
    </row>
    <row r="50" spans="1:9" ht="21" x14ac:dyDescent="0.25">
      <c r="A50" s="10" t="s">
        <v>7</v>
      </c>
      <c r="B50" s="10" t="s">
        <v>7</v>
      </c>
      <c r="C50" s="10" t="s">
        <v>7</v>
      </c>
      <c r="D50" s="1" t="s">
        <v>168</v>
      </c>
      <c r="E50" s="1" t="s">
        <v>172</v>
      </c>
      <c r="F50" s="1" t="s">
        <v>703</v>
      </c>
      <c r="G50" s="1" t="s">
        <v>704</v>
      </c>
      <c r="H50" s="1" t="s">
        <v>706</v>
      </c>
      <c r="I50" s="1" t="s">
        <v>707</v>
      </c>
    </row>
    <row r="51" spans="1:9" x14ac:dyDescent="0.25">
      <c r="A51" s="3" t="s">
        <v>89</v>
      </c>
      <c r="B51" s="5" t="s">
        <v>708</v>
      </c>
      <c r="C51" s="11">
        <v>12440905239.09</v>
      </c>
      <c r="D51" s="11">
        <v>5270218667.5200005</v>
      </c>
      <c r="E51" s="11">
        <v>4204308088.0799999</v>
      </c>
      <c r="F51" s="11">
        <v>4046202053.4899998</v>
      </c>
      <c r="G51" s="11">
        <v>225335177.50999999</v>
      </c>
      <c r="H51" s="11">
        <v>108381379.22</v>
      </c>
      <c r="I51" s="11">
        <v>107260437.09999999</v>
      </c>
    </row>
    <row r="52" spans="1:9" x14ac:dyDescent="0.25">
      <c r="A52" s="2" t="s">
        <v>91</v>
      </c>
      <c r="B52" s="4" t="s">
        <v>709</v>
      </c>
      <c r="C52" s="12">
        <v>8004849501.8000002</v>
      </c>
      <c r="D52" s="12">
        <v>3576834653.8000002</v>
      </c>
      <c r="E52" s="12">
        <v>3019664190.2199998</v>
      </c>
      <c r="F52" s="12">
        <v>2966464632.96</v>
      </c>
      <c r="G52" s="12">
        <v>174547305.19999999</v>
      </c>
      <c r="H52" s="12">
        <v>418442.71</v>
      </c>
      <c r="I52" s="12">
        <v>418442.71</v>
      </c>
    </row>
    <row r="53" spans="1:9" x14ac:dyDescent="0.25">
      <c r="A53" s="2" t="s">
        <v>93</v>
      </c>
      <c r="B53" s="4" t="s">
        <v>710</v>
      </c>
      <c r="C53" s="12">
        <v>231557772</v>
      </c>
      <c r="D53" s="12">
        <v>103718902.89</v>
      </c>
      <c r="E53" s="12">
        <v>102878938.29000001</v>
      </c>
      <c r="F53" s="12">
        <v>102878938.29000001</v>
      </c>
      <c r="G53" s="12">
        <v>30000</v>
      </c>
      <c r="H53" s="12">
        <v>0</v>
      </c>
      <c r="I53" s="12">
        <v>0</v>
      </c>
    </row>
    <row r="54" spans="1:9" x14ac:dyDescent="0.25">
      <c r="A54" s="3" t="s">
        <v>95</v>
      </c>
      <c r="B54" s="5" t="s">
        <v>711</v>
      </c>
      <c r="C54" s="11">
        <v>4204497965.29</v>
      </c>
      <c r="D54" s="11">
        <v>1589665110.8299999</v>
      </c>
      <c r="E54" s="11">
        <v>1081764959.5699999</v>
      </c>
      <c r="F54" s="11">
        <v>976858482.24000001</v>
      </c>
      <c r="G54" s="11">
        <v>50757872.310000002</v>
      </c>
      <c r="H54" s="11">
        <v>107962936.51000001</v>
      </c>
      <c r="I54" s="11">
        <v>106841994.39</v>
      </c>
    </row>
    <row r="55" spans="1:9" x14ac:dyDescent="0.25">
      <c r="A55" s="2" t="s">
        <v>97</v>
      </c>
      <c r="B55" s="4" t="s">
        <v>712</v>
      </c>
      <c r="C55" s="12">
        <v>399958800</v>
      </c>
      <c r="D55" s="12">
        <v>183837261.03999999</v>
      </c>
      <c r="E55" s="12">
        <v>183837261.03999999</v>
      </c>
      <c r="F55" s="12">
        <v>139428320.75999999</v>
      </c>
      <c r="G55" s="12">
        <v>0</v>
      </c>
      <c r="H55" s="12">
        <v>0</v>
      </c>
      <c r="I55" s="12">
        <v>0</v>
      </c>
    </row>
    <row r="56" spans="1:9" x14ac:dyDescent="0.25">
      <c r="A56" s="2" t="s">
        <v>99</v>
      </c>
      <c r="B56" s="4" t="s">
        <v>636</v>
      </c>
      <c r="C56" s="12">
        <v>3804539165.29</v>
      </c>
      <c r="D56" s="12">
        <v>1405827849.79</v>
      </c>
      <c r="E56" s="12">
        <v>897927698.52999997</v>
      </c>
      <c r="F56" s="12">
        <v>837430161.48000002</v>
      </c>
      <c r="G56" s="12">
        <v>50757872.310000002</v>
      </c>
      <c r="H56" s="12">
        <v>107962936.51000001</v>
      </c>
      <c r="I56" s="12">
        <v>106841994.39</v>
      </c>
    </row>
    <row r="57" spans="1:9" x14ac:dyDescent="0.25">
      <c r="A57" s="2" t="s">
        <v>101</v>
      </c>
      <c r="B57" s="4" t="s">
        <v>713</v>
      </c>
      <c r="C57" s="12">
        <v>12209347467.09</v>
      </c>
      <c r="D57" s="12">
        <v>5166499764.6300001</v>
      </c>
      <c r="E57" s="12">
        <v>4101429149.79</v>
      </c>
      <c r="F57" s="12">
        <v>3943323115.1999998</v>
      </c>
      <c r="G57" s="12">
        <v>225305177.50999999</v>
      </c>
      <c r="H57" s="12">
        <v>108381379.22</v>
      </c>
      <c r="I57" s="12">
        <v>107260437.09999999</v>
      </c>
    </row>
    <row r="58" spans="1:9" x14ac:dyDescent="0.25">
      <c r="A58" s="3" t="s">
        <v>103</v>
      </c>
      <c r="B58" s="5" t="s">
        <v>714</v>
      </c>
      <c r="C58" s="11">
        <v>2948663853.73</v>
      </c>
      <c r="D58" s="11">
        <v>875885908.71000004</v>
      </c>
      <c r="E58" s="11">
        <v>374973135.5</v>
      </c>
      <c r="F58" s="11">
        <v>368620563.26999998</v>
      </c>
      <c r="G58" s="11">
        <v>1007555.55</v>
      </c>
      <c r="H58" s="11">
        <v>31111526.210000001</v>
      </c>
      <c r="I58" s="11">
        <v>29250978.899999999</v>
      </c>
    </row>
    <row r="59" spans="1:9" x14ac:dyDescent="0.25">
      <c r="A59" s="2" t="s">
        <v>105</v>
      </c>
      <c r="B59" s="4" t="s">
        <v>715</v>
      </c>
      <c r="C59" s="12">
        <v>2567268960.73</v>
      </c>
      <c r="D59" s="12">
        <v>729171597.37</v>
      </c>
      <c r="E59" s="12">
        <v>232201597.90000001</v>
      </c>
      <c r="F59" s="12">
        <v>225849025.66999999</v>
      </c>
      <c r="G59" s="12">
        <v>885221.98</v>
      </c>
      <c r="H59" s="12">
        <v>31111526.210000001</v>
      </c>
      <c r="I59" s="12">
        <v>29250978.899999999</v>
      </c>
    </row>
    <row r="60" spans="1:9" x14ac:dyDescent="0.25">
      <c r="A60" s="3" t="s">
        <v>107</v>
      </c>
      <c r="B60" s="5" t="s">
        <v>716</v>
      </c>
      <c r="C60" s="11">
        <v>18621464</v>
      </c>
      <c r="D60" s="11">
        <v>9992314.6400000006</v>
      </c>
      <c r="E60" s="11">
        <v>6774945.1799999997</v>
      </c>
      <c r="F60" s="11">
        <v>6774945.1799999997</v>
      </c>
      <c r="G60" s="11">
        <v>122333.57</v>
      </c>
      <c r="H60" s="11">
        <v>0</v>
      </c>
      <c r="I60" s="11">
        <v>0</v>
      </c>
    </row>
    <row r="61" spans="1:9" x14ac:dyDescent="0.25">
      <c r="A61" s="2" t="s">
        <v>109</v>
      </c>
      <c r="B61" s="4" t="s">
        <v>717</v>
      </c>
      <c r="C61" s="12">
        <v>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  <c r="I61" s="12">
        <v>0</v>
      </c>
    </row>
    <row r="62" spans="1:9" x14ac:dyDescent="0.25">
      <c r="A62" s="2" t="s">
        <v>111</v>
      </c>
      <c r="B62" s="4" t="s">
        <v>718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</row>
    <row r="63" spans="1:9" x14ac:dyDescent="0.25">
      <c r="A63" s="2" t="s">
        <v>113</v>
      </c>
      <c r="B63" s="4" t="s">
        <v>719</v>
      </c>
      <c r="C63" s="12">
        <v>0</v>
      </c>
      <c r="D63" s="12">
        <v>0</v>
      </c>
      <c r="E63" s="12">
        <v>0</v>
      </c>
      <c r="F63" s="12">
        <v>0</v>
      </c>
      <c r="G63" s="12">
        <v>0</v>
      </c>
      <c r="H63" s="12">
        <v>0</v>
      </c>
      <c r="I63" s="12">
        <v>0</v>
      </c>
    </row>
    <row r="64" spans="1:9" x14ac:dyDescent="0.25">
      <c r="A64" s="2" t="s">
        <v>115</v>
      </c>
      <c r="B64" s="4" t="s">
        <v>720</v>
      </c>
      <c r="C64" s="12">
        <v>18621464</v>
      </c>
      <c r="D64" s="12">
        <v>9992314.6400000006</v>
      </c>
      <c r="E64" s="12">
        <v>6774945.1799999997</v>
      </c>
      <c r="F64" s="12">
        <v>6774945.1799999997</v>
      </c>
      <c r="G64" s="12">
        <v>122333.57</v>
      </c>
      <c r="H64" s="12">
        <v>0</v>
      </c>
      <c r="I64" s="12">
        <v>0</v>
      </c>
    </row>
    <row r="65" spans="1:9" x14ac:dyDescent="0.25">
      <c r="A65" s="2" t="s">
        <v>117</v>
      </c>
      <c r="B65" s="4" t="s">
        <v>721</v>
      </c>
      <c r="C65" s="12">
        <v>362773429</v>
      </c>
      <c r="D65" s="12">
        <v>136721996.69999999</v>
      </c>
      <c r="E65" s="12">
        <v>135996592.41999999</v>
      </c>
      <c r="F65" s="12">
        <v>135996592.41999999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19</v>
      </c>
      <c r="B66" s="4" t="s">
        <v>722</v>
      </c>
      <c r="C66" s="12">
        <v>2585890424.73</v>
      </c>
      <c r="D66" s="12">
        <v>739163912.00999999</v>
      </c>
      <c r="E66" s="12">
        <v>238976543.08000001</v>
      </c>
      <c r="F66" s="12">
        <v>232623970.84999999</v>
      </c>
      <c r="G66" s="12">
        <v>1007555.55</v>
      </c>
      <c r="H66" s="12">
        <v>31111526.210000001</v>
      </c>
      <c r="I66" s="12">
        <v>29250978.899999999</v>
      </c>
    </row>
    <row r="67" spans="1:9" x14ac:dyDescent="0.25">
      <c r="A67" s="2" t="s">
        <v>120</v>
      </c>
      <c r="B67" s="4" t="s">
        <v>723</v>
      </c>
      <c r="C67" s="12">
        <v>45214127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21</v>
      </c>
      <c r="B68" s="5" t="s">
        <v>724</v>
      </c>
      <c r="C68" s="11">
        <v>14840452018.82</v>
      </c>
      <c r="D68" s="11">
        <v>5905663676.6400003</v>
      </c>
      <c r="E68" s="11">
        <v>4340405692.8699999</v>
      </c>
      <c r="F68" s="11">
        <v>4175947086.0500002</v>
      </c>
      <c r="G68" s="11">
        <v>226312733.06</v>
      </c>
      <c r="H68" s="11">
        <v>139492905.43000001</v>
      </c>
      <c r="I68" s="11">
        <v>136511416</v>
      </c>
    </row>
    <row r="70" spans="1:9" x14ac:dyDescent="0.25">
      <c r="A70" s="10" t="s">
        <v>6</v>
      </c>
      <c r="B70" s="10" t="s">
        <v>725</v>
      </c>
      <c r="C70" s="10" t="s">
        <v>726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2" t="s">
        <v>122</v>
      </c>
      <c r="B72" s="4" t="s">
        <v>727</v>
      </c>
      <c r="C72" s="12">
        <v>834097770.61000001</v>
      </c>
    </row>
    <row r="74" spans="1:9" x14ac:dyDescent="0.25">
      <c r="A74" s="10" t="s">
        <v>6</v>
      </c>
      <c r="B74" s="10" t="s">
        <v>728</v>
      </c>
      <c r="C74" s="10" t="s">
        <v>729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23</v>
      </c>
      <c r="B76" s="4" t="s">
        <v>730</v>
      </c>
      <c r="C76" s="12">
        <v>958127800</v>
      </c>
    </row>
    <row r="78" spans="1:9" ht="21" x14ac:dyDescent="0.25">
      <c r="A78" s="10" t="s">
        <v>6</v>
      </c>
      <c r="B78" s="10" t="s">
        <v>731</v>
      </c>
      <c r="C78" s="1" t="s">
        <v>667</v>
      </c>
    </row>
    <row r="79" spans="1:9" ht="21" x14ac:dyDescent="0.25">
      <c r="A79" s="10" t="s">
        <v>7</v>
      </c>
      <c r="B79" s="10" t="s">
        <v>7</v>
      </c>
      <c r="C79" s="1" t="s">
        <v>732</v>
      </c>
    </row>
    <row r="80" spans="1:9" x14ac:dyDescent="0.25">
      <c r="A80" s="2" t="s">
        <v>124</v>
      </c>
      <c r="B80" s="4" t="s">
        <v>733</v>
      </c>
      <c r="C80" s="12">
        <v>48837829.960000001</v>
      </c>
    </row>
    <row r="81" spans="1:4" x14ac:dyDescent="0.25">
      <c r="A81" s="2" t="s">
        <v>125</v>
      </c>
      <c r="B81" s="4" t="s">
        <v>734</v>
      </c>
      <c r="C81" s="12">
        <v>126497446.48999999</v>
      </c>
    </row>
    <row r="83" spans="1:4" x14ac:dyDescent="0.25">
      <c r="A83" s="10" t="s">
        <v>6</v>
      </c>
      <c r="B83" s="10" t="s">
        <v>735</v>
      </c>
      <c r="C83" s="10" t="s">
        <v>732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2" t="s">
        <v>126</v>
      </c>
      <c r="B85" s="4" t="s">
        <v>736</v>
      </c>
      <c r="C85" s="12">
        <v>756438154.08000004</v>
      </c>
    </row>
    <row r="87" spans="1:4" x14ac:dyDescent="0.25">
      <c r="A87" s="10" t="s">
        <v>6</v>
      </c>
      <c r="B87" s="10" t="s">
        <v>737</v>
      </c>
      <c r="C87" s="10" t="s">
        <v>729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2" t="s">
        <v>127</v>
      </c>
      <c r="B89" s="4" t="s">
        <v>730</v>
      </c>
      <c r="C89" s="12">
        <v>427339100</v>
      </c>
    </row>
    <row r="91" spans="1:4" x14ac:dyDescent="0.25">
      <c r="A91" s="10" t="s">
        <v>6</v>
      </c>
      <c r="B91" s="10" t="s">
        <v>738</v>
      </c>
      <c r="C91" s="10" t="s">
        <v>739</v>
      </c>
      <c r="D91" s="10" t="s">
        <v>739</v>
      </c>
    </row>
    <row r="92" spans="1:4" ht="21" x14ac:dyDescent="0.25">
      <c r="A92" s="10" t="s">
        <v>7</v>
      </c>
      <c r="B92" s="10" t="s">
        <v>7</v>
      </c>
      <c r="C92" s="1" t="s">
        <v>740</v>
      </c>
      <c r="D92" s="1" t="s">
        <v>371</v>
      </c>
    </row>
    <row r="93" spans="1:4" x14ac:dyDescent="0.25">
      <c r="A93" s="2" t="s">
        <v>129</v>
      </c>
      <c r="B93" s="4" t="s">
        <v>741</v>
      </c>
      <c r="C93" s="12">
        <v>9352844933.2099991</v>
      </c>
      <c r="D93" s="12">
        <v>9094218582.8099995</v>
      </c>
    </row>
    <row r="94" spans="1:4" x14ac:dyDescent="0.25">
      <c r="A94" s="3" t="s">
        <v>131</v>
      </c>
      <c r="B94" s="5" t="s">
        <v>742</v>
      </c>
      <c r="C94" s="11">
        <v>3609284331.3299999</v>
      </c>
      <c r="D94" s="11">
        <v>4688182191.6700001</v>
      </c>
    </row>
    <row r="95" spans="1:4" x14ac:dyDescent="0.25">
      <c r="A95" s="3" t="s">
        <v>133</v>
      </c>
      <c r="B95" s="5" t="s">
        <v>743</v>
      </c>
      <c r="C95" s="11">
        <v>3285610223.1199999</v>
      </c>
      <c r="D95" s="11">
        <v>4355364828.7600002</v>
      </c>
    </row>
    <row r="96" spans="1:4" x14ac:dyDescent="0.25">
      <c r="A96" s="2" t="s">
        <v>135</v>
      </c>
      <c r="B96" s="4" t="s">
        <v>744</v>
      </c>
      <c r="C96" s="12">
        <v>3595662492.1100001</v>
      </c>
      <c r="D96" s="12">
        <v>4441797483.8900003</v>
      </c>
    </row>
    <row r="97" spans="1:4" x14ac:dyDescent="0.25">
      <c r="A97" s="2" t="s">
        <v>137</v>
      </c>
      <c r="B97" s="4" t="s">
        <v>745</v>
      </c>
      <c r="C97" s="12">
        <v>310052268.99000001</v>
      </c>
      <c r="D97" s="12">
        <v>86432655.129999995</v>
      </c>
    </row>
    <row r="98" spans="1:4" x14ac:dyDescent="0.25">
      <c r="A98" s="2" t="s">
        <v>139</v>
      </c>
      <c r="B98" s="4" t="s">
        <v>746</v>
      </c>
      <c r="C98" s="12">
        <v>323674108.20999998</v>
      </c>
      <c r="D98" s="12">
        <v>332817362.91000003</v>
      </c>
    </row>
    <row r="99" spans="1:4" x14ac:dyDescent="0.25">
      <c r="A99" s="3" t="s">
        <v>141</v>
      </c>
      <c r="B99" s="5" t="s">
        <v>747</v>
      </c>
      <c r="C99" s="11">
        <v>5743560601.8800001</v>
      </c>
      <c r="D99" s="11">
        <v>4406036391.1400003</v>
      </c>
    </row>
    <row r="101" spans="1:4" x14ac:dyDescent="0.25">
      <c r="A101" s="10" t="s">
        <v>6</v>
      </c>
      <c r="B101" s="10" t="s">
        <v>748</v>
      </c>
      <c r="C101" s="10" t="s">
        <v>749</v>
      </c>
    </row>
    <row r="102" spans="1:4" x14ac:dyDescent="0.25">
      <c r="A102" s="10" t="s">
        <v>7</v>
      </c>
      <c r="B102" s="10" t="s">
        <v>7</v>
      </c>
      <c r="C102" s="10" t="s">
        <v>7</v>
      </c>
    </row>
    <row r="103" spans="1:4" x14ac:dyDescent="0.25">
      <c r="A103" s="2" t="s">
        <v>143</v>
      </c>
      <c r="B103" s="4" t="s">
        <v>750</v>
      </c>
      <c r="C103" s="12">
        <v>1337524210.74</v>
      </c>
    </row>
    <row r="105" spans="1:4" x14ac:dyDescent="0.25">
      <c r="A105" s="10" t="s">
        <v>6</v>
      </c>
      <c r="B105" s="10" t="s">
        <v>751</v>
      </c>
      <c r="C105" s="10" t="s">
        <v>749</v>
      </c>
    </row>
    <row r="106" spans="1:4" x14ac:dyDescent="0.25">
      <c r="A106" s="10" t="s">
        <v>7</v>
      </c>
      <c r="B106" s="10" t="s">
        <v>7</v>
      </c>
      <c r="C106" s="10" t="s">
        <v>7</v>
      </c>
    </row>
    <row r="107" spans="1:4" x14ac:dyDescent="0.25">
      <c r="A107" s="2" t="s">
        <v>145</v>
      </c>
      <c r="B107" s="4" t="s">
        <v>752</v>
      </c>
      <c r="C107" s="12">
        <v>223619613.86000001</v>
      </c>
    </row>
    <row r="108" spans="1:4" x14ac:dyDescent="0.25">
      <c r="A108" s="2" t="s">
        <v>147</v>
      </c>
      <c r="B108" s="4" t="s">
        <v>753</v>
      </c>
      <c r="C108" s="12">
        <v>0</v>
      </c>
    </row>
    <row r="109" spans="1:4" x14ac:dyDescent="0.25">
      <c r="A109" s="2" t="s">
        <v>149</v>
      </c>
      <c r="B109" s="4" t="s">
        <v>754</v>
      </c>
      <c r="C109" s="12">
        <v>6182419</v>
      </c>
    </row>
    <row r="110" spans="1:4" x14ac:dyDescent="0.25">
      <c r="A110" s="2" t="s">
        <v>151</v>
      </c>
      <c r="B110" s="4" t="s">
        <v>755</v>
      </c>
      <c r="C110" s="12">
        <v>-171957980.08000001</v>
      </c>
    </row>
    <row r="111" spans="1:4" x14ac:dyDescent="0.25">
      <c r="A111" s="2" t="s">
        <v>152</v>
      </c>
      <c r="B111" s="4" t="s">
        <v>756</v>
      </c>
      <c r="C111" s="12">
        <v>129186688.78</v>
      </c>
    </row>
    <row r="112" spans="1:4" x14ac:dyDescent="0.25">
      <c r="A112" s="2" t="s">
        <v>153</v>
      </c>
      <c r="B112" s="4" t="s">
        <v>757</v>
      </c>
      <c r="C112" s="12">
        <v>0</v>
      </c>
    </row>
    <row r="113" spans="1:8" x14ac:dyDescent="0.25">
      <c r="A113" s="2" t="s">
        <v>155</v>
      </c>
      <c r="B113" s="4" t="s">
        <v>758</v>
      </c>
      <c r="C113" s="12">
        <v>0</v>
      </c>
    </row>
    <row r="114" spans="1:8" x14ac:dyDescent="0.25">
      <c r="A114" s="2" t="s">
        <v>157</v>
      </c>
      <c r="B114" s="4" t="s">
        <v>759</v>
      </c>
      <c r="C114" s="12">
        <v>818942347.01999998</v>
      </c>
    </row>
    <row r="116" spans="1:8" x14ac:dyDescent="0.25">
      <c r="A116" s="10" t="s">
        <v>6</v>
      </c>
      <c r="B116" s="10" t="s">
        <v>760</v>
      </c>
      <c r="C116" s="10" t="s">
        <v>588</v>
      </c>
    </row>
    <row r="117" spans="1:8" x14ac:dyDescent="0.25">
      <c r="A117" s="10" t="s">
        <v>7</v>
      </c>
      <c r="B117" s="10" t="s">
        <v>7</v>
      </c>
      <c r="C117" s="10" t="s">
        <v>7</v>
      </c>
    </row>
    <row r="118" spans="1:8" x14ac:dyDescent="0.25">
      <c r="A118" s="2" t="s">
        <v>159</v>
      </c>
      <c r="B118" s="4" t="s">
        <v>761</v>
      </c>
      <c r="C118" s="12">
        <v>896601963.54999995</v>
      </c>
    </row>
    <row r="120" spans="1:8" x14ac:dyDescent="0.25">
      <c r="A120" s="10" t="s">
        <v>6</v>
      </c>
      <c r="B120" s="10" t="s">
        <v>762</v>
      </c>
      <c r="C120" s="10" t="s">
        <v>588</v>
      </c>
    </row>
    <row r="121" spans="1:8" x14ac:dyDescent="0.25">
      <c r="A121" s="10" t="s">
        <v>7</v>
      </c>
      <c r="B121" s="10" t="s">
        <v>7</v>
      </c>
      <c r="C121" s="10" t="s">
        <v>7</v>
      </c>
    </row>
    <row r="122" spans="1:8" x14ac:dyDescent="0.25">
      <c r="A122" s="3" t="s">
        <v>161</v>
      </c>
      <c r="B122" s="5" t="s">
        <v>763</v>
      </c>
      <c r="C122" s="11">
        <v>334568004.61000001</v>
      </c>
    </row>
    <row r="123" spans="1:8" x14ac:dyDescent="0.25">
      <c r="A123" s="2" t="s">
        <v>163</v>
      </c>
      <c r="B123" s="4" t="s">
        <v>162</v>
      </c>
      <c r="C123" s="12">
        <v>0</v>
      </c>
    </row>
    <row r="124" spans="1:8" x14ac:dyDescent="0.25">
      <c r="A124" s="2" t="s">
        <v>176</v>
      </c>
      <c r="B124" s="4" t="s">
        <v>764</v>
      </c>
      <c r="C124" s="12">
        <v>334568004.61000001</v>
      </c>
    </row>
    <row r="125" spans="1:8" x14ac:dyDescent="0.25">
      <c r="A125" s="2" t="s">
        <v>178</v>
      </c>
      <c r="B125" s="4" t="s">
        <v>590</v>
      </c>
      <c r="C125" s="12">
        <v>0</v>
      </c>
    </row>
    <row r="127" spans="1:8" x14ac:dyDescent="0.25">
      <c r="A127" s="10" t="s">
        <v>6</v>
      </c>
      <c r="B127" s="10" t="s">
        <v>765</v>
      </c>
      <c r="C127" s="10" t="s">
        <v>168</v>
      </c>
      <c r="D127" s="10" t="s">
        <v>7</v>
      </c>
      <c r="E127" s="10" t="s">
        <v>172</v>
      </c>
      <c r="F127" s="10" t="s">
        <v>7</v>
      </c>
      <c r="G127" s="10" t="s">
        <v>768</v>
      </c>
      <c r="H127" s="10" t="s">
        <v>768</v>
      </c>
    </row>
    <row r="128" spans="1:8" ht="31.5" x14ac:dyDescent="0.25">
      <c r="A128" s="10" t="s">
        <v>7</v>
      </c>
      <c r="B128" s="10" t="s">
        <v>7</v>
      </c>
      <c r="C128" s="1" t="s">
        <v>766</v>
      </c>
      <c r="D128" s="1" t="s">
        <v>767</v>
      </c>
      <c r="E128" s="1" t="s">
        <v>766</v>
      </c>
      <c r="F128" s="1" t="s">
        <v>767</v>
      </c>
      <c r="G128" s="1" t="s">
        <v>766</v>
      </c>
      <c r="H128" s="1" t="s">
        <v>767</v>
      </c>
    </row>
    <row r="129" spans="1:8" x14ac:dyDescent="0.25">
      <c r="A129" s="3" t="s">
        <v>180</v>
      </c>
      <c r="B129" s="5" t="s">
        <v>769</v>
      </c>
      <c r="C129" s="11">
        <v>5840157840.7600002</v>
      </c>
      <c r="D129" s="11">
        <v>6043945818.21</v>
      </c>
      <c r="E129" s="11">
        <v>4692520332.9499998</v>
      </c>
      <c r="F129" s="11">
        <v>4865562179.7399998</v>
      </c>
      <c r="G129" s="11">
        <v>0</v>
      </c>
      <c r="H129" s="11">
        <v>0</v>
      </c>
    </row>
    <row r="130" spans="1:8" x14ac:dyDescent="0.25">
      <c r="A130" s="2" t="s">
        <v>182</v>
      </c>
      <c r="B130" s="4" t="s">
        <v>709</v>
      </c>
      <c r="C130" s="12">
        <v>4298654964.8000002</v>
      </c>
      <c r="D130" s="12">
        <v>4287554746.6300001</v>
      </c>
      <c r="E130" s="12">
        <v>3648173206.0700002</v>
      </c>
      <c r="F130" s="12">
        <v>3654583574.8499999</v>
      </c>
      <c r="G130" s="12">
        <v>0</v>
      </c>
      <c r="H130" s="12">
        <v>0</v>
      </c>
    </row>
    <row r="131" spans="1:8" x14ac:dyDescent="0.25">
      <c r="A131" s="2" t="s">
        <v>184</v>
      </c>
      <c r="B131" s="4" t="s">
        <v>770</v>
      </c>
      <c r="C131" s="12">
        <v>84232253.209999993</v>
      </c>
      <c r="D131" s="12">
        <v>103718902.89</v>
      </c>
      <c r="E131" s="12">
        <v>78128677.680000007</v>
      </c>
      <c r="F131" s="12">
        <v>102878938.29000001</v>
      </c>
      <c r="G131" s="12">
        <v>0</v>
      </c>
      <c r="H131" s="12">
        <v>0</v>
      </c>
    </row>
    <row r="132" spans="1:8" x14ac:dyDescent="0.25">
      <c r="A132" s="2" t="s">
        <v>186</v>
      </c>
      <c r="B132" s="4" t="s">
        <v>711</v>
      </c>
      <c r="C132" s="12">
        <v>1457270622.75</v>
      </c>
      <c r="D132" s="12">
        <v>1652672168.6900001</v>
      </c>
      <c r="E132" s="12">
        <v>966218449.20000005</v>
      </c>
      <c r="F132" s="12">
        <v>1108099666.5999999</v>
      </c>
      <c r="G132" s="12">
        <v>0</v>
      </c>
      <c r="H132" s="12">
        <v>0</v>
      </c>
    </row>
    <row r="133" spans="1:8" x14ac:dyDescent="0.25">
      <c r="A133" s="2" t="s">
        <v>188</v>
      </c>
      <c r="B133" s="4" t="s">
        <v>771</v>
      </c>
      <c r="C133" s="12">
        <v>5755925587.5500002</v>
      </c>
      <c r="D133" s="12">
        <v>5940226915.3199997</v>
      </c>
      <c r="E133" s="12">
        <v>4614391655.2700005</v>
      </c>
      <c r="F133" s="12">
        <v>4762683241.4499998</v>
      </c>
      <c r="G133" s="12">
        <v>0</v>
      </c>
      <c r="H133" s="12">
        <v>0</v>
      </c>
    </row>
    <row r="134" spans="1:8" x14ac:dyDescent="0.25">
      <c r="A134" s="2" t="s">
        <v>190</v>
      </c>
      <c r="B134" s="4" t="s">
        <v>772</v>
      </c>
      <c r="C134" s="12">
        <v>70000000</v>
      </c>
      <c r="D134" s="12">
        <v>183837261.03999999</v>
      </c>
      <c r="E134" s="12">
        <v>70000000</v>
      </c>
      <c r="F134" s="12">
        <v>183837261.03999999</v>
      </c>
      <c r="G134" s="12">
        <v>0</v>
      </c>
      <c r="H134" s="12">
        <v>0</v>
      </c>
    </row>
    <row r="135" spans="1:8" x14ac:dyDescent="0.25">
      <c r="A135" s="2" t="s">
        <v>192</v>
      </c>
      <c r="B135" s="4" t="s">
        <v>773</v>
      </c>
      <c r="C135" s="12">
        <v>39385037.609999999</v>
      </c>
      <c r="D135" s="12">
        <v>50324358.649999999</v>
      </c>
      <c r="E135" s="12">
        <v>37070616.780000001</v>
      </c>
      <c r="F135" s="12">
        <v>46694958.82</v>
      </c>
      <c r="G135" s="12">
        <v>0</v>
      </c>
      <c r="H135" s="12">
        <v>0</v>
      </c>
    </row>
    <row r="136" spans="1:8" x14ac:dyDescent="0.25">
      <c r="A136" s="2" t="s">
        <v>194</v>
      </c>
      <c r="B136" s="4" t="s">
        <v>774</v>
      </c>
      <c r="C136" s="12">
        <v>5646540549.9399996</v>
      </c>
      <c r="D136" s="12">
        <v>5706065295.6300001</v>
      </c>
      <c r="E136" s="12">
        <v>4507321038.4899998</v>
      </c>
      <c r="F136" s="12">
        <v>4532151021.5900002</v>
      </c>
      <c r="G136" s="12">
        <v>0</v>
      </c>
      <c r="H136" s="12">
        <v>0</v>
      </c>
    </row>
  </sheetData>
  <mergeCells count="48">
    <mergeCell ref="A127:A128"/>
    <mergeCell ref="B127:B128"/>
    <mergeCell ref="C127:D127"/>
    <mergeCell ref="E127:F127"/>
    <mergeCell ref="G127:H127"/>
    <mergeCell ref="A116:A117"/>
    <mergeCell ref="B116:B117"/>
    <mergeCell ref="C116:C117"/>
    <mergeCell ref="A120:A121"/>
    <mergeCell ref="B120:B121"/>
    <mergeCell ref="C120:C121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topLeftCell="A9" workbookViewId="0">
      <selection activeCell="C12" sqref="C12:N40"/>
    </sheetView>
  </sheetViews>
  <sheetFormatPr defaultRowHeight="15" x14ac:dyDescent="0.25"/>
  <cols>
    <col min="3" max="3" width="16" bestFit="1" customWidth="1"/>
    <col min="4" max="5" width="17.28515625" bestFit="1" customWidth="1"/>
    <col min="6" max="6" width="13.140625" bestFit="1" customWidth="1"/>
    <col min="7" max="8" width="16" bestFit="1" customWidth="1"/>
    <col min="9" max="11" width="17.28515625" bestFit="1" customWidth="1"/>
    <col min="12" max="12" width="16" bestFit="1" customWidth="1"/>
    <col min="13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775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776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777</v>
      </c>
      <c r="C10" s="10" t="s">
        <v>778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83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90</v>
      </c>
    </row>
    <row r="11" spans="1:14" ht="63" x14ac:dyDescent="0.25">
      <c r="A11" s="10" t="s">
        <v>7</v>
      </c>
      <c r="B11" s="10" t="s">
        <v>7</v>
      </c>
      <c r="C11" s="1" t="s">
        <v>779</v>
      </c>
      <c r="D11" s="1" t="s">
        <v>780</v>
      </c>
      <c r="E11" s="1" t="s">
        <v>707</v>
      </c>
      <c r="F11" s="1" t="s">
        <v>781</v>
      </c>
      <c r="G11" s="1" t="s">
        <v>782</v>
      </c>
      <c r="H11" s="1" t="s">
        <v>784</v>
      </c>
      <c r="I11" s="1" t="s">
        <v>785</v>
      </c>
      <c r="J11" s="1" t="s">
        <v>786</v>
      </c>
      <c r="K11" s="1" t="s">
        <v>787</v>
      </c>
      <c r="L11" s="1" t="s">
        <v>788</v>
      </c>
      <c r="M11" s="1" t="s">
        <v>789</v>
      </c>
      <c r="N11" s="10" t="s">
        <v>7</v>
      </c>
    </row>
    <row r="12" spans="1:14" x14ac:dyDescent="0.25">
      <c r="A12" s="3" t="s">
        <v>17</v>
      </c>
      <c r="B12" s="5" t="s">
        <v>791</v>
      </c>
      <c r="C12" s="11">
        <v>76701517.370000005</v>
      </c>
      <c r="D12" s="11">
        <v>234255830.49000001</v>
      </c>
      <c r="E12" s="11">
        <v>226342733.06</v>
      </c>
      <c r="F12" s="11">
        <v>292006.45</v>
      </c>
      <c r="G12" s="11">
        <v>84322608.349999994</v>
      </c>
      <c r="H12" s="11">
        <v>64719138.039999999</v>
      </c>
      <c r="I12" s="11">
        <v>280946258.94</v>
      </c>
      <c r="J12" s="11">
        <v>139492905.43000001</v>
      </c>
      <c r="K12" s="11">
        <v>136511416</v>
      </c>
      <c r="L12" s="11">
        <v>29541834.699999999</v>
      </c>
      <c r="M12" s="11">
        <v>179612146.28</v>
      </c>
      <c r="N12" s="11">
        <v>263934754.63</v>
      </c>
    </row>
    <row r="13" spans="1:14" x14ac:dyDescent="0.25">
      <c r="A13" s="2" t="s">
        <v>19</v>
      </c>
      <c r="B13" s="4" t="s">
        <v>792</v>
      </c>
      <c r="C13" s="12">
        <v>73388309.920000002</v>
      </c>
      <c r="D13" s="12">
        <v>164013051.69</v>
      </c>
      <c r="E13" s="12">
        <v>162890285.90000001</v>
      </c>
      <c r="F13" s="12">
        <v>249689</v>
      </c>
      <c r="G13" s="12">
        <v>74261386.709999993</v>
      </c>
      <c r="H13" s="12">
        <v>63361799.229999997</v>
      </c>
      <c r="I13" s="12">
        <v>220411631.87</v>
      </c>
      <c r="J13" s="12">
        <v>106642797.34999999</v>
      </c>
      <c r="K13" s="12">
        <v>103789479.64</v>
      </c>
      <c r="L13" s="12">
        <v>18567993.829999998</v>
      </c>
      <c r="M13" s="12">
        <v>161415957.63</v>
      </c>
      <c r="N13" s="12">
        <v>235677344.34</v>
      </c>
    </row>
    <row r="14" spans="1:14" x14ac:dyDescent="0.25">
      <c r="A14" s="3" t="s">
        <v>21</v>
      </c>
      <c r="B14" s="5" t="s">
        <v>793</v>
      </c>
      <c r="C14" s="11">
        <v>0</v>
      </c>
      <c r="D14" s="11">
        <v>10990226.16</v>
      </c>
      <c r="E14" s="11">
        <v>10982503.65</v>
      </c>
      <c r="F14" s="11">
        <v>7722.51</v>
      </c>
      <c r="G14" s="11">
        <v>0</v>
      </c>
      <c r="H14" s="11">
        <v>226986.2</v>
      </c>
      <c r="I14" s="11">
        <v>14958224.26</v>
      </c>
      <c r="J14" s="11">
        <v>9345969.8499999996</v>
      </c>
      <c r="K14" s="11">
        <v>9345969.8499999996</v>
      </c>
      <c r="L14" s="11">
        <v>1141279.48</v>
      </c>
      <c r="M14" s="11">
        <v>4697961.13</v>
      </c>
      <c r="N14" s="11">
        <v>4697961.13</v>
      </c>
    </row>
    <row r="15" spans="1:14" x14ac:dyDescent="0.25">
      <c r="A15" s="2" t="s">
        <v>23</v>
      </c>
      <c r="B15" s="4" t="s">
        <v>794</v>
      </c>
      <c r="C15" s="12">
        <v>0</v>
      </c>
      <c r="D15" s="12">
        <v>10234146.26</v>
      </c>
      <c r="E15" s="12">
        <v>10226423.75</v>
      </c>
      <c r="F15" s="12">
        <v>7722.51</v>
      </c>
      <c r="G15" s="12">
        <v>0</v>
      </c>
      <c r="H15" s="12">
        <v>0</v>
      </c>
      <c r="I15" s="12">
        <v>9027419.1699999999</v>
      </c>
      <c r="J15" s="12">
        <v>4374192.63</v>
      </c>
      <c r="K15" s="12">
        <v>4374192.63</v>
      </c>
      <c r="L15" s="12">
        <v>130876.45</v>
      </c>
      <c r="M15" s="12">
        <v>4522350.09</v>
      </c>
      <c r="N15" s="12">
        <v>4522350.09</v>
      </c>
    </row>
    <row r="16" spans="1:14" x14ac:dyDescent="0.25">
      <c r="A16" s="2" t="s">
        <v>25</v>
      </c>
      <c r="B16" s="4" t="s">
        <v>795</v>
      </c>
      <c r="C16" s="12">
        <v>0</v>
      </c>
      <c r="D16" s="12">
        <v>756079.9</v>
      </c>
      <c r="E16" s="12">
        <v>756079.9</v>
      </c>
      <c r="F16" s="12">
        <v>0</v>
      </c>
      <c r="G16" s="12">
        <v>0</v>
      </c>
      <c r="H16" s="12">
        <v>226986.2</v>
      </c>
      <c r="I16" s="12">
        <v>5919895.9100000001</v>
      </c>
      <c r="J16" s="12">
        <v>4960868.04</v>
      </c>
      <c r="K16" s="12">
        <v>4960868.04</v>
      </c>
      <c r="L16" s="12">
        <v>1010403.03</v>
      </c>
      <c r="M16" s="12">
        <v>175611.04</v>
      </c>
      <c r="N16" s="12">
        <v>175611.04</v>
      </c>
    </row>
    <row r="17" spans="1:14" x14ac:dyDescent="0.25">
      <c r="A17" s="2" t="s">
        <v>27</v>
      </c>
      <c r="B17" s="4" t="s">
        <v>796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10909.18</v>
      </c>
      <c r="J17" s="12">
        <v>10909.18</v>
      </c>
      <c r="K17" s="12">
        <v>10909.18</v>
      </c>
      <c r="L17" s="12">
        <v>0</v>
      </c>
      <c r="M17" s="12">
        <v>0</v>
      </c>
      <c r="N17" s="12">
        <v>0</v>
      </c>
    </row>
    <row r="18" spans="1:14" x14ac:dyDescent="0.25">
      <c r="A18" s="3" t="s">
        <v>29</v>
      </c>
      <c r="B18" s="5" t="s">
        <v>797</v>
      </c>
      <c r="C18" s="11">
        <v>655.5</v>
      </c>
      <c r="D18" s="11">
        <v>43489446.810000002</v>
      </c>
      <c r="E18" s="11">
        <v>43455507.210000001</v>
      </c>
      <c r="F18" s="11">
        <v>34594.94</v>
      </c>
      <c r="G18" s="11">
        <v>0.16</v>
      </c>
      <c r="H18" s="11">
        <v>1130352.6100000001</v>
      </c>
      <c r="I18" s="11">
        <v>20742106.859999999</v>
      </c>
      <c r="J18" s="11">
        <v>11826562.85</v>
      </c>
      <c r="K18" s="11">
        <v>11819617.859999999</v>
      </c>
      <c r="L18" s="11">
        <v>8856422.4800000004</v>
      </c>
      <c r="M18" s="11">
        <v>1196419.1299999999</v>
      </c>
      <c r="N18" s="11">
        <v>1196419.29</v>
      </c>
    </row>
    <row r="19" spans="1:14" x14ac:dyDescent="0.25">
      <c r="A19" s="2" t="s">
        <v>31</v>
      </c>
      <c r="B19" s="4" t="s">
        <v>798</v>
      </c>
      <c r="C19" s="12">
        <v>0</v>
      </c>
      <c r="D19" s="12">
        <v>40805111.030000001</v>
      </c>
      <c r="E19" s="12">
        <v>40770515.93</v>
      </c>
      <c r="F19" s="12">
        <v>34594.94</v>
      </c>
      <c r="G19" s="12">
        <v>0.16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.16</v>
      </c>
    </row>
    <row r="20" spans="1:14" x14ac:dyDescent="0.25">
      <c r="A20" s="2" t="s">
        <v>33</v>
      </c>
      <c r="B20" s="4" t="s">
        <v>799</v>
      </c>
      <c r="C20" s="12">
        <v>655.5</v>
      </c>
      <c r="D20" s="12">
        <v>2684335.7799999998</v>
      </c>
      <c r="E20" s="12">
        <v>2684991.28</v>
      </c>
      <c r="F20" s="12">
        <v>0</v>
      </c>
      <c r="G20" s="12">
        <v>0</v>
      </c>
      <c r="H20" s="12">
        <v>1130352.6100000001</v>
      </c>
      <c r="I20" s="12">
        <v>20742106.859999999</v>
      </c>
      <c r="J20" s="12">
        <v>11826562.85</v>
      </c>
      <c r="K20" s="12">
        <v>11819617.859999999</v>
      </c>
      <c r="L20" s="12">
        <v>8856422.4800000004</v>
      </c>
      <c r="M20" s="12">
        <v>1196419.1299999999</v>
      </c>
      <c r="N20" s="12">
        <v>1196419.1299999999</v>
      </c>
    </row>
    <row r="21" spans="1:14" x14ac:dyDescent="0.25">
      <c r="A21" s="3" t="s">
        <v>35</v>
      </c>
      <c r="B21" s="5" t="s">
        <v>800</v>
      </c>
      <c r="C21" s="11">
        <v>3312551.95</v>
      </c>
      <c r="D21" s="11">
        <v>15326121.380000001</v>
      </c>
      <c r="E21" s="11">
        <v>8577451.8499999996</v>
      </c>
      <c r="F21" s="11">
        <v>0</v>
      </c>
      <c r="G21" s="11">
        <v>10061221.48</v>
      </c>
      <c r="H21" s="11">
        <v>0</v>
      </c>
      <c r="I21" s="11">
        <v>21431846.760000002</v>
      </c>
      <c r="J21" s="11">
        <v>9129125.1600000001</v>
      </c>
      <c r="K21" s="11">
        <v>9009247.6099999994</v>
      </c>
      <c r="L21" s="11">
        <v>407147.58</v>
      </c>
      <c r="M21" s="11">
        <v>12015451.57</v>
      </c>
      <c r="N21" s="11">
        <v>22076673.050000001</v>
      </c>
    </row>
    <row r="22" spans="1:14" x14ac:dyDescent="0.25">
      <c r="A22" s="2" t="s">
        <v>37</v>
      </c>
      <c r="B22" s="4" t="s">
        <v>801</v>
      </c>
      <c r="C22" s="12">
        <v>3312551.95</v>
      </c>
      <c r="D22" s="12">
        <v>15290204.18</v>
      </c>
      <c r="E22" s="12">
        <v>8541534.6500000004</v>
      </c>
      <c r="F22" s="12">
        <v>0</v>
      </c>
      <c r="G22" s="12">
        <v>10061221.48</v>
      </c>
      <c r="H22" s="12">
        <v>0</v>
      </c>
      <c r="I22" s="12">
        <v>10853288.58</v>
      </c>
      <c r="J22" s="12">
        <v>7588496.8499999996</v>
      </c>
      <c r="K22" s="12">
        <v>7585526.8499999996</v>
      </c>
      <c r="L22" s="12">
        <v>311164.06</v>
      </c>
      <c r="M22" s="12">
        <v>2956597.67</v>
      </c>
      <c r="N22" s="12">
        <v>13017819.15</v>
      </c>
    </row>
    <row r="23" spans="1:14" x14ac:dyDescent="0.25">
      <c r="A23" s="2" t="s">
        <v>39</v>
      </c>
      <c r="B23" s="4" t="s">
        <v>802</v>
      </c>
      <c r="C23" s="12">
        <v>0</v>
      </c>
      <c r="D23" s="12">
        <v>35917.199999999997</v>
      </c>
      <c r="E23" s="12">
        <v>35917.199999999997</v>
      </c>
      <c r="F23" s="12">
        <v>0</v>
      </c>
      <c r="G23" s="12">
        <v>0</v>
      </c>
      <c r="H23" s="12">
        <v>0</v>
      </c>
      <c r="I23" s="12">
        <v>10578558.18</v>
      </c>
      <c r="J23" s="12">
        <v>1540628.31</v>
      </c>
      <c r="K23" s="12">
        <v>1423720.76</v>
      </c>
      <c r="L23" s="12">
        <v>95983.52</v>
      </c>
      <c r="M23" s="12">
        <v>9058853.9000000004</v>
      </c>
      <c r="N23" s="12">
        <v>9058853.9000000004</v>
      </c>
    </row>
    <row r="24" spans="1:14" x14ac:dyDescent="0.25">
      <c r="A24" s="2" t="s">
        <v>41</v>
      </c>
      <c r="B24" s="4" t="s">
        <v>803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</row>
    <row r="25" spans="1:14" x14ac:dyDescent="0.25">
      <c r="A25" s="2" t="s">
        <v>43</v>
      </c>
      <c r="B25" s="4" t="s">
        <v>804</v>
      </c>
      <c r="C25" s="12">
        <v>0</v>
      </c>
      <c r="D25" s="12">
        <v>436984.45</v>
      </c>
      <c r="E25" s="12">
        <v>436984.45</v>
      </c>
      <c r="F25" s="12">
        <v>0</v>
      </c>
      <c r="G25" s="12">
        <v>0</v>
      </c>
      <c r="H25" s="12">
        <v>0</v>
      </c>
      <c r="I25" s="12">
        <v>3402449.19</v>
      </c>
      <c r="J25" s="12">
        <v>2548450.2200000002</v>
      </c>
      <c r="K25" s="12">
        <v>2547101.04</v>
      </c>
      <c r="L25" s="12">
        <v>568991.32999999996</v>
      </c>
      <c r="M25" s="12">
        <v>286356.82</v>
      </c>
      <c r="N25" s="12">
        <v>286356.82</v>
      </c>
    </row>
    <row r="26" spans="1:14" x14ac:dyDescent="0.25">
      <c r="A26" s="3" t="s">
        <v>45</v>
      </c>
      <c r="B26" s="5" t="s">
        <v>805</v>
      </c>
      <c r="C26" s="11">
        <v>7403441.6399999997</v>
      </c>
      <c r="D26" s="11">
        <v>80081136.290000007</v>
      </c>
      <c r="E26" s="11">
        <v>80002175.959999993</v>
      </c>
      <c r="F26" s="11">
        <v>77525.91</v>
      </c>
      <c r="G26" s="11">
        <v>7404876.0599999996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  <c r="N26" s="11">
        <v>7404876.0599999996</v>
      </c>
    </row>
    <row r="27" spans="1:14" x14ac:dyDescent="0.25">
      <c r="A27" s="2" t="s">
        <v>47</v>
      </c>
      <c r="B27" s="4" t="s">
        <v>806</v>
      </c>
      <c r="C27" s="12">
        <v>7403386.8200000003</v>
      </c>
      <c r="D27" s="12">
        <v>57469118.140000001</v>
      </c>
      <c r="E27" s="12">
        <v>57467683.719999999</v>
      </c>
      <c r="F27" s="12">
        <v>0</v>
      </c>
      <c r="G27" s="12">
        <v>7404821.2400000002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  <c r="N27" s="12">
        <v>7404821.2400000002</v>
      </c>
    </row>
    <row r="28" spans="1:14" x14ac:dyDescent="0.25">
      <c r="A28" s="3" t="s">
        <v>49</v>
      </c>
      <c r="B28" s="5" t="s">
        <v>807</v>
      </c>
      <c r="C28" s="11">
        <v>0</v>
      </c>
      <c r="D28" s="11">
        <v>3756738.66</v>
      </c>
      <c r="E28" s="11">
        <v>3756738.66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794</v>
      </c>
      <c r="C29" s="12">
        <v>0</v>
      </c>
      <c r="D29" s="12">
        <v>3756240.29</v>
      </c>
      <c r="E29" s="12">
        <v>3756240.29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  <c r="N29" s="12">
        <v>0</v>
      </c>
    </row>
    <row r="30" spans="1:14" x14ac:dyDescent="0.25">
      <c r="A30" s="2" t="s">
        <v>53</v>
      </c>
      <c r="B30" s="4" t="s">
        <v>795</v>
      </c>
      <c r="C30" s="12">
        <v>0</v>
      </c>
      <c r="D30" s="12">
        <v>498.37</v>
      </c>
      <c r="E30" s="12">
        <v>498.37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  <c r="N30" s="12">
        <v>0</v>
      </c>
    </row>
    <row r="31" spans="1:14" x14ac:dyDescent="0.25">
      <c r="A31" s="2" t="s">
        <v>55</v>
      </c>
      <c r="B31" s="4" t="s">
        <v>79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  <c r="N31" s="12">
        <v>0</v>
      </c>
    </row>
    <row r="32" spans="1:14" x14ac:dyDescent="0.25">
      <c r="A32" s="3" t="s">
        <v>57</v>
      </c>
      <c r="B32" s="5" t="s">
        <v>808</v>
      </c>
      <c r="C32" s="11">
        <v>54.82</v>
      </c>
      <c r="D32" s="11">
        <v>16618113.210000001</v>
      </c>
      <c r="E32" s="11">
        <v>16540587.300000001</v>
      </c>
      <c r="F32" s="11">
        <v>77525.91</v>
      </c>
      <c r="G32" s="11">
        <v>54.82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54.82</v>
      </c>
    </row>
    <row r="33" spans="1:14" x14ac:dyDescent="0.25">
      <c r="A33" s="2" t="s">
        <v>59</v>
      </c>
      <c r="B33" s="4" t="s">
        <v>798</v>
      </c>
      <c r="C33" s="12">
        <v>54.82</v>
      </c>
      <c r="D33" s="12">
        <v>16618113.210000001</v>
      </c>
      <c r="E33" s="12">
        <v>16540587.300000001</v>
      </c>
      <c r="F33" s="12">
        <v>77525.91</v>
      </c>
      <c r="G33" s="12">
        <v>54.82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  <c r="N33" s="12">
        <v>54.82</v>
      </c>
    </row>
    <row r="34" spans="1:14" x14ac:dyDescent="0.25">
      <c r="A34" s="2" t="s">
        <v>61</v>
      </c>
      <c r="B34" s="4" t="s">
        <v>799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  <c r="N34" s="12">
        <v>0</v>
      </c>
    </row>
    <row r="35" spans="1:14" x14ac:dyDescent="0.25">
      <c r="A35" s="3" t="s">
        <v>63</v>
      </c>
      <c r="B35" s="5" t="s">
        <v>800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801</v>
      </c>
      <c r="C36" s="12">
        <v>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0</v>
      </c>
      <c r="J36" s="12">
        <v>0</v>
      </c>
      <c r="K36" s="12">
        <v>0</v>
      </c>
      <c r="L36" s="12">
        <v>0</v>
      </c>
      <c r="M36" s="12">
        <v>0</v>
      </c>
      <c r="N36" s="12">
        <v>0</v>
      </c>
    </row>
    <row r="37" spans="1:14" x14ac:dyDescent="0.25">
      <c r="A37" s="2" t="s">
        <v>67</v>
      </c>
      <c r="B37" s="4" t="s">
        <v>802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0</v>
      </c>
      <c r="N37" s="12">
        <v>0</v>
      </c>
    </row>
    <row r="38" spans="1:14" x14ac:dyDescent="0.25">
      <c r="A38" s="2" t="s">
        <v>69</v>
      </c>
      <c r="B38" s="4" t="s">
        <v>803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  <c r="N38" s="12">
        <v>0</v>
      </c>
    </row>
    <row r="39" spans="1:14" x14ac:dyDescent="0.25">
      <c r="A39" s="2" t="s">
        <v>71</v>
      </c>
      <c r="B39" s="4" t="s">
        <v>804</v>
      </c>
      <c r="C39" s="12">
        <v>0</v>
      </c>
      <c r="D39" s="12">
        <v>2237166.2799999998</v>
      </c>
      <c r="E39" s="12">
        <v>2237166.2799999998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</row>
    <row r="40" spans="1:14" x14ac:dyDescent="0.25">
      <c r="A40" s="3" t="s">
        <v>73</v>
      </c>
      <c r="B40" s="5" t="s">
        <v>809</v>
      </c>
      <c r="C40" s="11">
        <v>84104959.010000005</v>
      </c>
      <c r="D40" s="11">
        <v>314336966.77999997</v>
      </c>
      <c r="E40" s="11">
        <v>306344909.01999998</v>
      </c>
      <c r="F40" s="11">
        <v>369532.36</v>
      </c>
      <c r="G40" s="11">
        <v>91727484.409999996</v>
      </c>
      <c r="H40" s="11">
        <v>64719138.039999999</v>
      </c>
      <c r="I40" s="11">
        <v>280946258.94</v>
      </c>
      <c r="J40" s="11">
        <v>139492905.43000001</v>
      </c>
      <c r="K40" s="11">
        <v>136511416</v>
      </c>
      <c r="L40" s="11">
        <v>29541834.699999999</v>
      </c>
      <c r="M40" s="11">
        <v>179612146.28</v>
      </c>
      <c r="N40" s="11">
        <v>271339630.69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71"/>
  <sheetViews>
    <sheetView showGridLines="0" workbookViewId="0"/>
  </sheetViews>
  <sheetFormatPr defaultRowHeight="15" x14ac:dyDescent="0.25"/>
  <cols>
    <col min="1" max="1" width="2.7109375" bestFit="1" customWidth="1"/>
    <col min="2" max="2" width="80.42578125" customWidth="1"/>
    <col min="3" max="3" width="20.42578125" bestFit="1" customWidth="1"/>
    <col min="4" max="4" width="19.28515625" bestFit="1" customWidth="1"/>
    <col min="5" max="6" width="17.42578125" bestFit="1" customWidth="1"/>
    <col min="7" max="7" width="14.8554687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810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811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812</v>
      </c>
      <c r="C10" s="10" t="s">
        <v>10</v>
      </c>
      <c r="D10" s="10" t="s">
        <v>552</v>
      </c>
    </row>
    <row r="11" spans="1:8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8" x14ac:dyDescent="0.25">
      <c r="A12" s="3" t="s">
        <v>17</v>
      </c>
      <c r="B12" s="5" t="s">
        <v>813</v>
      </c>
      <c r="C12" s="11">
        <v>11960266900</v>
      </c>
      <c r="D12" s="11">
        <v>4943927389.3400002</v>
      </c>
    </row>
    <row r="13" spans="1:8" x14ac:dyDescent="0.25">
      <c r="A13" s="3" t="s">
        <v>19</v>
      </c>
      <c r="B13" s="5" t="s">
        <v>814</v>
      </c>
      <c r="C13" s="11">
        <v>10054096900</v>
      </c>
      <c r="D13" s="11">
        <v>3953103611.4899998</v>
      </c>
    </row>
    <row r="14" spans="1:8" x14ac:dyDescent="0.25">
      <c r="A14" s="2" t="s">
        <v>21</v>
      </c>
      <c r="B14" s="4" t="s">
        <v>815</v>
      </c>
      <c r="C14" s="12">
        <v>9969297400</v>
      </c>
      <c r="D14" s="12">
        <v>3920632752.1399999</v>
      </c>
    </row>
    <row r="15" spans="1:8" x14ac:dyDescent="0.25">
      <c r="A15" s="2" t="s">
        <v>23</v>
      </c>
      <c r="B15" s="4" t="s">
        <v>816</v>
      </c>
      <c r="C15" s="12">
        <v>84799500</v>
      </c>
      <c r="D15" s="12">
        <v>32470859.350000001</v>
      </c>
    </row>
    <row r="16" spans="1:8" x14ac:dyDescent="0.25">
      <c r="A16" s="2" t="s">
        <v>25</v>
      </c>
      <c r="B16" s="4" t="s">
        <v>817</v>
      </c>
      <c r="C16" s="12">
        <v>182844600</v>
      </c>
      <c r="D16" s="12">
        <v>87320604.019999996</v>
      </c>
    </row>
    <row r="17" spans="1:4" x14ac:dyDescent="0.25">
      <c r="A17" s="2" t="s">
        <v>27</v>
      </c>
      <c r="B17" s="4" t="s">
        <v>818</v>
      </c>
      <c r="C17" s="12">
        <v>730803700</v>
      </c>
      <c r="D17" s="12">
        <v>573216981.71000004</v>
      </c>
    </row>
    <row r="18" spans="1:4" x14ac:dyDescent="0.25">
      <c r="A18" s="2" t="s">
        <v>29</v>
      </c>
      <c r="B18" s="4" t="s">
        <v>819</v>
      </c>
      <c r="C18" s="12">
        <v>992521700</v>
      </c>
      <c r="D18" s="12">
        <v>330286192.12</v>
      </c>
    </row>
    <row r="19" spans="1:4" x14ac:dyDescent="0.25">
      <c r="A19" s="3" t="s">
        <v>31</v>
      </c>
      <c r="B19" s="5" t="s">
        <v>820</v>
      </c>
      <c r="C19" s="11">
        <v>1384235900</v>
      </c>
      <c r="D19" s="11">
        <v>619341494.36000001</v>
      </c>
    </row>
    <row r="20" spans="1:4" x14ac:dyDescent="0.25">
      <c r="A20" s="2" t="s">
        <v>33</v>
      </c>
      <c r="B20" s="4" t="s">
        <v>821</v>
      </c>
      <c r="C20" s="12">
        <v>1273744200</v>
      </c>
      <c r="D20" s="12">
        <v>572803207.61000001</v>
      </c>
    </row>
    <row r="21" spans="1:4" x14ac:dyDescent="0.25">
      <c r="A21" s="2" t="s">
        <v>35</v>
      </c>
      <c r="B21" s="4" t="s">
        <v>822</v>
      </c>
      <c r="C21" s="12">
        <v>110491700</v>
      </c>
      <c r="D21" s="12">
        <v>46538286.75</v>
      </c>
    </row>
    <row r="22" spans="1:4" x14ac:dyDescent="0.25">
      <c r="A22" s="2" t="s">
        <v>37</v>
      </c>
      <c r="B22" s="4" t="s">
        <v>823</v>
      </c>
      <c r="C22" s="12">
        <v>0</v>
      </c>
      <c r="D22" s="12">
        <v>0</v>
      </c>
    </row>
    <row r="23" spans="1:4" x14ac:dyDescent="0.25">
      <c r="A23" s="2" t="s">
        <v>39</v>
      </c>
      <c r="B23" s="4" t="s">
        <v>824</v>
      </c>
      <c r="C23" s="12">
        <v>0</v>
      </c>
      <c r="D23" s="12">
        <v>0</v>
      </c>
    </row>
    <row r="24" spans="1:4" x14ac:dyDescent="0.25">
      <c r="A24" s="3" t="s">
        <v>41</v>
      </c>
      <c r="B24" s="5" t="s">
        <v>825</v>
      </c>
      <c r="C24" s="11">
        <v>2885349100</v>
      </c>
      <c r="D24" s="11">
        <v>1278401250.8199999</v>
      </c>
    </row>
    <row r="25" spans="1:4" x14ac:dyDescent="0.25">
      <c r="A25" s="2" t="s">
        <v>43</v>
      </c>
      <c r="B25" s="4" t="s">
        <v>826</v>
      </c>
      <c r="C25" s="12">
        <v>2492324300</v>
      </c>
      <c r="D25" s="12">
        <v>980158188.11000001</v>
      </c>
    </row>
    <row r="26" spans="1:4" x14ac:dyDescent="0.25">
      <c r="A26" s="2" t="s">
        <v>45</v>
      </c>
      <c r="B26" s="4" t="s">
        <v>827</v>
      </c>
      <c r="C26" s="12">
        <v>365401900</v>
      </c>
      <c r="D26" s="12">
        <v>286608491.05000001</v>
      </c>
    </row>
    <row r="27" spans="1:4" x14ac:dyDescent="0.25">
      <c r="A27" s="2" t="s">
        <v>47</v>
      </c>
      <c r="B27" s="4" t="s">
        <v>828</v>
      </c>
      <c r="C27" s="12">
        <v>27622900</v>
      </c>
      <c r="D27" s="12">
        <v>11634571.66</v>
      </c>
    </row>
    <row r="28" spans="1:4" x14ac:dyDescent="0.25">
      <c r="A28" s="3" t="s">
        <v>49</v>
      </c>
      <c r="B28" s="5" t="s">
        <v>829</v>
      </c>
      <c r="C28" s="11">
        <v>10459153700</v>
      </c>
      <c r="D28" s="11">
        <v>4284867632.8800001</v>
      </c>
    </row>
    <row r="30" spans="1:4" x14ac:dyDescent="0.25">
      <c r="A30" s="10" t="s">
        <v>6</v>
      </c>
      <c r="B30" s="10" t="s">
        <v>830</v>
      </c>
      <c r="C30" s="10" t="s">
        <v>10</v>
      </c>
      <c r="D30" s="10" t="s">
        <v>552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51</v>
      </c>
      <c r="B32" s="4" t="s">
        <v>830</v>
      </c>
      <c r="C32" s="12">
        <v>1893326400</v>
      </c>
      <c r="D32" s="12">
        <v>790916288.14999998</v>
      </c>
    </row>
    <row r="34" spans="1:4" x14ac:dyDescent="0.25">
      <c r="A34" s="10" t="s">
        <v>6</v>
      </c>
      <c r="B34" s="10" t="s">
        <v>831</v>
      </c>
      <c r="C34" s="10" t="s">
        <v>10</v>
      </c>
      <c r="D34" s="10" t="s">
        <v>552</v>
      </c>
    </row>
    <row r="35" spans="1:4" x14ac:dyDescent="0.25">
      <c r="A35" s="10" t="s">
        <v>7</v>
      </c>
      <c r="B35" s="10" t="s">
        <v>7</v>
      </c>
      <c r="C35" s="10" t="s">
        <v>7</v>
      </c>
      <c r="D35" s="10" t="s">
        <v>7</v>
      </c>
    </row>
    <row r="36" spans="1:4" x14ac:dyDescent="0.25">
      <c r="A36" s="2" t="s">
        <v>53</v>
      </c>
      <c r="B36" s="4" t="s">
        <v>831</v>
      </c>
      <c r="C36" s="12">
        <v>721462025</v>
      </c>
      <c r="D36" s="12">
        <v>280300620.06999999</v>
      </c>
    </row>
    <row r="38" spans="1:4" x14ac:dyDescent="0.25">
      <c r="A38" s="10" t="s">
        <v>6</v>
      </c>
      <c r="B38" s="10" t="s">
        <v>832</v>
      </c>
      <c r="C38" s="10" t="s">
        <v>10</v>
      </c>
      <c r="D38" s="10" t="s">
        <v>552</v>
      </c>
    </row>
    <row r="39" spans="1:4" x14ac:dyDescent="0.25">
      <c r="A39" s="10" t="s">
        <v>7</v>
      </c>
      <c r="B39" s="10" t="s">
        <v>7</v>
      </c>
      <c r="C39" s="10" t="s">
        <v>7</v>
      </c>
      <c r="D39" s="10" t="s">
        <v>7</v>
      </c>
    </row>
    <row r="40" spans="1:4" x14ac:dyDescent="0.25">
      <c r="A40" s="3" t="s">
        <v>55</v>
      </c>
      <c r="B40" s="5" t="s">
        <v>833</v>
      </c>
      <c r="C40" s="11">
        <v>1205818000</v>
      </c>
      <c r="D40" s="11">
        <v>464120349.54000002</v>
      </c>
    </row>
    <row r="41" spans="1:4" x14ac:dyDescent="0.25">
      <c r="A41" s="3" t="s">
        <v>57</v>
      </c>
      <c r="B41" s="5" t="s">
        <v>834</v>
      </c>
      <c r="C41" s="11">
        <v>1205818000</v>
      </c>
      <c r="D41" s="11">
        <v>464120349.54000002</v>
      </c>
    </row>
    <row r="42" spans="1:4" x14ac:dyDescent="0.25">
      <c r="A42" s="2" t="s">
        <v>59</v>
      </c>
      <c r="B42" s="4" t="s">
        <v>835</v>
      </c>
      <c r="C42" s="12">
        <v>1205818000</v>
      </c>
      <c r="D42" s="12">
        <v>463471021.69999999</v>
      </c>
    </row>
    <row r="43" spans="1:4" x14ac:dyDescent="0.25">
      <c r="A43" s="2" t="s">
        <v>61</v>
      </c>
      <c r="B43" s="4" t="s">
        <v>836</v>
      </c>
      <c r="C43" s="12">
        <v>0</v>
      </c>
      <c r="D43" s="12">
        <v>649327.84</v>
      </c>
    </row>
    <row r="44" spans="1:4" x14ac:dyDescent="0.25">
      <c r="A44" s="3" t="s">
        <v>63</v>
      </c>
      <c r="B44" s="5" t="s">
        <v>837</v>
      </c>
      <c r="C44" s="11">
        <v>0</v>
      </c>
      <c r="D44" s="11">
        <v>0</v>
      </c>
    </row>
    <row r="45" spans="1:4" x14ac:dyDescent="0.25">
      <c r="A45" s="2" t="s">
        <v>65</v>
      </c>
      <c r="B45" s="4" t="s">
        <v>838</v>
      </c>
      <c r="C45" s="12">
        <v>0</v>
      </c>
      <c r="D45" s="12">
        <v>0</v>
      </c>
    </row>
    <row r="46" spans="1:4" x14ac:dyDescent="0.25">
      <c r="A46" s="2" t="s">
        <v>67</v>
      </c>
      <c r="B46" s="4" t="s">
        <v>839</v>
      </c>
      <c r="C46" s="12">
        <v>0</v>
      </c>
      <c r="D46" s="12">
        <v>0</v>
      </c>
    </row>
    <row r="47" spans="1:4" x14ac:dyDescent="0.25">
      <c r="A47" s="3" t="s">
        <v>69</v>
      </c>
      <c r="B47" s="5" t="s">
        <v>840</v>
      </c>
      <c r="C47" s="11">
        <v>0</v>
      </c>
      <c r="D47" s="11">
        <v>0</v>
      </c>
    </row>
    <row r="48" spans="1:4" x14ac:dyDescent="0.25">
      <c r="A48" s="2" t="s">
        <v>71</v>
      </c>
      <c r="B48" s="4" t="s">
        <v>841</v>
      </c>
      <c r="C48" s="12">
        <v>0</v>
      </c>
      <c r="D48" s="12">
        <v>0</v>
      </c>
    </row>
    <row r="49" spans="1:7" x14ac:dyDescent="0.25">
      <c r="A49" s="2" t="s">
        <v>73</v>
      </c>
      <c r="B49" s="4" t="s">
        <v>842</v>
      </c>
      <c r="C49" s="12">
        <v>0</v>
      </c>
      <c r="D49" s="12">
        <v>0</v>
      </c>
    </row>
    <row r="50" spans="1:7" x14ac:dyDescent="0.25">
      <c r="A50" s="2" t="s">
        <v>75</v>
      </c>
      <c r="B50" s="4" t="s">
        <v>843</v>
      </c>
      <c r="C50" s="12">
        <v>-687508400</v>
      </c>
      <c r="D50" s="12">
        <v>-327445266.44999999</v>
      </c>
    </row>
    <row r="52" spans="1:7" x14ac:dyDescent="0.25">
      <c r="A52" s="10" t="s">
        <v>6</v>
      </c>
      <c r="B52" s="10" t="s">
        <v>844</v>
      </c>
      <c r="C52" s="10" t="s">
        <v>726</v>
      </c>
    </row>
    <row r="53" spans="1:7" x14ac:dyDescent="0.25">
      <c r="A53" s="10" t="s">
        <v>7</v>
      </c>
      <c r="B53" s="10" t="s">
        <v>7</v>
      </c>
      <c r="C53" s="10" t="s">
        <v>7</v>
      </c>
    </row>
    <row r="54" spans="1:7" x14ac:dyDescent="0.25">
      <c r="A54" s="3" t="s">
        <v>77</v>
      </c>
      <c r="B54" s="5" t="s">
        <v>845</v>
      </c>
      <c r="C54" s="11">
        <v>17653177.280000001</v>
      </c>
    </row>
    <row r="55" spans="1:7" x14ac:dyDescent="0.25">
      <c r="A55" s="2" t="s">
        <v>79</v>
      </c>
      <c r="B55" s="4" t="s">
        <v>846</v>
      </c>
      <c r="C55" s="12">
        <v>17653177.280000001</v>
      </c>
    </row>
    <row r="56" spans="1:7" x14ac:dyDescent="0.25">
      <c r="A56" s="2" t="s">
        <v>81</v>
      </c>
      <c r="B56" s="4" t="s">
        <v>847</v>
      </c>
      <c r="C56" s="12">
        <v>0</v>
      </c>
    </row>
    <row r="58" spans="1:7" x14ac:dyDescent="0.25">
      <c r="A58" s="10" t="s">
        <v>6</v>
      </c>
      <c r="B58" s="10" t="s">
        <v>848</v>
      </c>
      <c r="C58" s="10" t="s">
        <v>726</v>
      </c>
    </row>
    <row r="59" spans="1:7" x14ac:dyDescent="0.25">
      <c r="A59" s="10" t="s">
        <v>7</v>
      </c>
      <c r="B59" s="10" t="s">
        <v>7</v>
      </c>
      <c r="C59" s="10" t="s">
        <v>7</v>
      </c>
    </row>
    <row r="60" spans="1:7" x14ac:dyDescent="0.25">
      <c r="A60" s="2" t="s">
        <v>83</v>
      </c>
      <c r="B60" s="4" t="s">
        <v>848</v>
      </c>
      <c r="C60" s="12">
        <v>481773526.81999999</v>
      </c>
    </row>
    <row r="62" spans="1:7" x14ac:dyDescent="0.25">
      <c r="A62" s="10" t="s">
        <v>6</v>
      </c>
      <c r="B62" s="10" t="s">
        <v>849</v>
      </c>
      <c r="C62" s="10" t="s">
        <v>574</v>
      </c>
      <c r="D62" s="10" t="s">
        <v>575</v>
      </c>
      <c r="E62" s="10" t="s">
        <v>576</v>
      </c>
      <c r="F62" s="10" t="s">
        <v>577</v>
      </c>
      <c r="G62" s="10" t="s">
        <v>850</v>
      </c>
    </row>
    <row r="63" spans="1:7" x14ac:dyDescent="0.25">
      <c r="A63" s="10" t="s">
        <v>7</v>
      </c>
      <c r="B63" s="10" t="s">
        <v>7</v>
      </c>
      <c r="C63" s="10" t="s">
        <v>7</v>
      </c>
      <c r="D63" s="10" t="s">
        <v>7</v>
      </c>
      <c r="E63" s="10" t="s">
        <v>7</v>
      </c>
      <c r="F63" s="10" t="s">
        <v>7</v>
      </c>
      <c r="G63" s="10" t="s">
        <v>7</v>
      </c>
    </row>
    <row r="64" spans="1:7" x14ac:dyDescent="0.25">
      <c r="A64" s="3" t="s">
        <v>85</v>
      </c>
      <c r="B64" s="5" t="s">
        <v>851</v>
      </c>
      <c r="C64" s="11">
        <v>1186386000</v>
      </c>
      <c r="D64" s="11">
        <v>383544739.68000001</v>
      </c>
      <c r="E64" s="11">
        <v>382669155.94999999</v>
      </c>
      <c r="F64" s="11">
        <v>377147793.89999998</v>
      </c>
      <c r="G64" s="11">
        <v>0</v>
      </c>
    </row>
    <row r="65" spans="1:7" x14ac:dyDescent="0.25">
      <c r="A65" s="2" t="s">
        <v>87</v>
      </c>
      <c r="B65" s="4" t="s">
        <v>852</v>
      </c>
      <c r="C65" s="12">
        <v>474554400</v>
      </c>
      <c r="D65" s="12">
        <v>153417895.87</v>
      </c>
      <c r="E65" s="12">
        <v>153067662.38</v>
      </c>
      <c r="F65" s="12">
        <v>150859117.56</v>
      </c>
      <c r="G65" s="12">
        <v>0</v>
      </c>
    </row>
    <row r="66" spans="1:7" x14ac:dyDescent="0.25">
      <c r="A66" s="2" t="s">
        <v>89</v>
      </c>
      <c r="B66" s="4" t="s">
        <v>853</v>
      </c>
      <c r="C66" s="12">
        <v>711831600</v>
      </c>
      <c r="D66" s="12">
        <v>230126843.81</v>
      </c>
      <c r="E66" s="12">
        <v>229601493.56999999</v>
      </c>
      <c r="F66" s="12">
        <v>226288676.34</v>
      </c>
      <c r="G66" s="12">
        <v>0</v>
      </c>
    </row>
    <row r="67" spans="1:7" x14ac:dyDescent="0.25">
      <c r="A67" s="3" t="s">
        <v>91</v>
      </c>
      <c r="B67" s="5" t="s">
        <v>854</v>
      </c>
      <c r="C67" s="11">
        <v>19432000</v>
      </c>
      <c r="D67" s="11">
        <v>4541061.6900000004</v>
      </c>
      <c r="E67" s="11">
        <v>4541061.6900000004</v>
      </c>
      <c r="F67" s="11">
        <v>4509324.25</v>
      </c>
      <c r="G67" s="11">
        <v>0</v>
      </c>
    </row>
    <row r="68" spans="1:7" x14ac:dyDescent="0.25">
      <c r="A68" s="2" t="s">
        <v>93</v>
      </c>
      <c r="B68" s="4" t="s">
        <v>855</v>
      </c>
      <c r="C68" s="12">
        <v>7772800</v>
      </c>
      <c r="D68" s="12">
        <v>1816424.68</v>
      </c>
      <c r="E68" s="12">
        <v>1816424.68</v>
      </c>
      <c r="F68" s="12">
        <v>1803729.7</v>
      </c>
      <c r="G68" s="12">
        <v>0</v>
      </c>
    </row>
    <row r="69" spans="1:7" x14ac:dyDescent="0.25">
      <c r="A69" s="2" t="s">
        <v>95</v>
      </c>
      <c r="B69" s="4" t="s">
        <v>856</v>
      </c>
      <c r="C69" s="12">
        <v>11659200</v>
      </c>
      <c r="D69" s="12">
        <v>2724637.01</v>
      </c>
      <c r="E69" s="12">
        <v>2724637.01</v>
      </c>
      <c r="F69" s="12">
        <v>2705594.55</v>
      </c>
      <c r="G69" s="12">
        <v>0</v>
      </c>
    </row>
    <row r="70" spans="1:7" x14ac:dyDescent="0.25">
      <c r="A70" s="3" t="s">
        <v>97</v>
      </c>
      <c r="B70" s="5" t="s">
        <v>857</v>
      </c>
      <c r="C70" s="11">
        <v>1205818000</v>
      </c>
      <c r="D70" s="11">
        <v>388085801.37</v>
      </c>
      <c r="E70" s="11">
        <v>387210217.63999999</v>
      </c>
      <c r="F70" s="11">
        <v>381657118.14999998</v>
      </c>
      <c r="G70" s="11">
        <v>0</v>
      </c>
    </row>
    <row r="72" spans="1:7" x14ac:dyDescent="0.25">
      <c r="A72" s="10" t="s">
        <v>6</v>
      </c>
      <c r="B72" s="10" t="s">
        <v>858</v>
      </c>
      <c r="C72" s="10" t="s">
        <v>575</v>
      </c>
      <c r="D72" s="10" t="s">
        <v>576</v>
      </c>
      <c r="E72" s="10" t="s">
        <v>577</v>
      </c>
      <c r="F72" s="10" t="s">
        <v>850</v>
      </c>
      <c r="G72" s="10" t="s">
        <v>859</v>
      </c>
    </row>
    <row r="73" spans="1:7" x14ac:dyDescent="0.25">
      <c r="A73" s="10" t="s">
        <v>7</v>
      </c>
      <c r="B73" s="10" t="s">
        <v>7</v>
      </c>
      <c r="C73" s="10" t="s">
        <v>7</v>
      </c>
      <c r="D73" s="10" t="s">
        <v>7</v>
      </c>
      <c r="E73" s="10" t="s">
        <v>7</v>
      </c>
      <c r="F73" s="10" t="s">
        <v>7</v>
      </c>
      <c r="G73" s="10" t="s">
        <v>7</v>
      </c>
    </row>
    <row r="74" spans="1:7" x14ac:dyDescent="0.25">
      <c r="A74" s="2" t="s">
        <v>99</v>
      </c>
      <c r="B74" s="4" t="s">
        <v>860</v>
      </c>
      <c r="C74" s="12">
        <v>383544739.68000001</v>
      </c>
      <c r="D74" s="12">
        <v>382669155.94999999</v>
      </c>
      <c r="E74" s="12">
        <v>377147793.89999998</v>
      </c>
      <c r="F74" s="12">
        <v>0</v>
      </c>
      <c r="G74" s="12">
        <v>0</v>
      </c>
    </row>
    <row r="75" spans="1:7" x14ac:dyDescent="0.25">
      <c r="A75" s="2" t="s">
        <v>101</v>
      </c>
      <c r="B75" s="4" t="s">
        <v>861</v>
      </c>
      <c r="C75" s="12">
        <v>388085801.37</v>
      </c>
      <c r="D75" s="12">
        <v>387210217.63999999</v>
      </c>
      <c r="E75" s="12">
        <v>381657118.14999998</v>
      </c>
      <c r="F75" s="12">
        <v>0</v>
      </c>
      <c r="G75" s="12">
        <v>0</v>
      </c>
    </row>
    <row r="76" spans="1:7" x14ac:dyDescent="0.25">
      <c r="A76" s="2" t="s">
        <v>103</v>
      </c>
      <c r="B76" s="4" t="s">
        <v>862</v>
      </c>
      <c r="C76" s="12">
        <v>0</v>
      </c>
      <c r="D76" s="12">
        <v>0</v>
      </c>
      <c r="E76" s="12">
        <v>0</v>
      </c>
      <c r="F76" s="12">
        <v>0</v>
      </c>
      <c r="G76" s="12">
        <v>0</v>
      </c>
    </row>
    <row r="77" spans="1:7" x14ac:dyDescent="0.25">
      <c r="A77" s="2" t="s">
        <v>105</v>
      </c>
      <c r="B77" s="4" t="s">
        <v>863</v>
      </c>
      <c r="C77" s="12">
        <v>0</v>
      </c>
      <c r="D77" s="12">
        <v>0</v>
      </c>
      <c r="E77" s="12">
        <v>0</v>
      </c>
      <c r="F77" s="12">
        <v>0</v>
      </c>
      <c r="G77" s="12">
        <v>0</v>
      </c>
    </row>
    <row r="78" spans="1:7" x14ac:dyDescent="0.25">
      <c r="A78" s="2" t="s">
        <v>107</v>
      </c>
      <c r="B78" s="4" t="s">
        <v>864</v>
      </c>
      <c r="C78" s="12">
        <v>0</v>
      </c>
      <c r="D78" s="12">
        <v>0</v>
      </c>
      <c r="E78" s="12">
        <v>0</v>
      </c>
      <c r="F78" s="12">
        <v>0</v>
      </c>
      <c r="G78" s="12">
        <v>0</v>
      </c>
    </row>
    <row r="80" spans="1:7" x14ac:dyDescent="0.25">
      <c r="A80" s="10" t="s">
        <v>6</v>
      </c>
      <c r="B80" s="10" t="s">
        <v>865</v>
      </c>
      <c r="C80" s="10" t="s">
        <v>866</v>
      </c>
      <c r="D80" s="10" t="s">
        <v>867</v>
      </c>
      <c r="E80" s="10" t="s">
        <v>868</v>
      </c>
      <c r="F80" s="10" t="s">
        <v>869</v>
      </c>
    </row>
    <row r="81" spans="1:8" x14ac:dyDescent="0.25">
      <c r="A81" s="10" t="s">
        <v>7</v>
      </c>
      <c r="B81" s="10" t="s">
        <v>7</v>
      </c>
      <c r="C81" s="10" t="s">
        <v>7</v>
      </c>
      <c r="D81" s="10" t="s">
        <v>7</v>
      </c>
      <c r="E81" s="10" t="s">
        <v>7</v>
      </c>
      <c r="F81" s="10" t="s">
        <v>7</v>
      </c>
    </row>
    <row r="82" spans="1:8" x14ac:dyDescent="0.25">
      <c r="A82" s="2" t="s">
        <v>109</v>
      </c>
      <c r="B82" s="4" t="s">
        <v>870</v>
      </c>
      <c r="C82" s="12">
        <v>324884244.68000001</v>
      </c>
      <c r="D82" s="12">
        <v>383544739.68000001</v>
      </c>
      <c r="E82" s="12">
        <v>383544739.68000001</v>
      </c>
      <c r="F82" s="12">
        <v>82.64</v>
      </c>
    </row>
    <row r="83" spans="1:8" x14ac:dyDescent="0.25">
      <c r="A83" s="2" t="s">
        <v>111</v>
      </c>
      <c r="B83" s="4" t="s">
        <v>871</v>
      </c>
      <c r="C83" s="12">
        <v>0</v>
      </c>
      <c r="D83" s="12">
        <v>0</v>
      </c>
      <c r="E83" s="12">
        <v>0</v>
      </c>
      <c r="F83" s="12">
        <v>0</v>
      </c>
    </row>
    <row r="85" spans="1:8" x14ac:dyDescent="0.25">
      <c r="A85" s="10" t="s">
        <v>6</v>
      </c>
      <c r="B85" s="10" t="s">
        <v>872</v>
      </c>
      <c r="C85" s="10" t="s">
        <v>873</v>
      </c>
      <c r="D85" s="10" t="s">
        <v>874</v>
      </c>
      <c r="E85" s="10" t="s">
        <v>875</v>
      </c>
      <c r="F85" s="10" t="s">
        <v>876</v>
      </c>
    </row>
    <row r="86" spans="1:8" x14ac:dyDescent="0.25">
      <c r="A86" s="10" t="s">
        <v>7</v>
      </c>
      <c r="B86" s="10" t="s">
        <v>7</v>
      </c>
      <c r="C86" s="10" t="s">
        <v>7</v>
      </c>
      <c r="D86" s="10" t="s">
        <v>7</v>
      </c>
      <c r="E86" s="10" t="s">
        <v>7</v>
      </c>
      <c r="F86" s="10" t="s">
        <v>7</v>
      </c>
    </row>
    <row r="87" spans="1:8" x14ac:dyDescent="0.25">
      <c r="A87" s="2" t="s">
        <v>113</v>
      </c>
      <c r="B87" s="4" t="s">
        <v>877</v>
      </c>
      <c r="C87" s="12">
        <v>46412034.950000003</v>
      </c>
      <c r="D87" s="12">
        <v>76034548.170000002</v>
      </c>
      <c r="E87" s="12">
        <v>76034548.170000002</v>
      </c>
      <c r="F87" s="12">
        <v>16.38</v>
      </c>
    </row>
    <row r="89" spans="1:8" x14ac:dyDescent="0.25">
      <c r="A89" s="10" t="s">
        <v>6</v>
      </c>
      <c r="B89" s="10" t="s">
        <v>878</v>
      </c>
      <c r="C89" s="10" t="s">
        <v>879</v>
      </c>
      <c r="D89" s="10" t="s">
        <v>880</v>
      </c>
      <c r="E89" s="10" t="s">
        <v>881</v>
      </c>
      <c r="F89" s="10" t="s">
        <v>882</v>
      </c>
      <c r="G89" s="10" t="s">
        <v>883</v>
      </c>
      <c r="H89" s="10" t="s">
        <v>884</v>
      </c>
    </row>
    <row r="90" spans="1:8" x14ac:dyDescent="0.25">
      <c r="A90" s="10" t="s">
        <v>7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0" t="s">
        <v>7</v>
      </c>
      <c r="H90" s="10" t="s">
        <v>7</v>
      </c>
    </row>
    <row r="91" spans="1:8" x14ac:dyDescent="0.25">
      <c r="A91" s="3" t="s">
        <v>115</v>
      </c>
      <c r="B91" s="5" t="s">
        <v>885</v>
      </c>
      <c r="C91" s="11">
        <v>56832221.840000004</v>
      </c>
      <c r="D91" s="11">
        <v>17653177.280000001</v>
      </c>
      <c r="E91" s="11">
        <v>17653177.280000001</v>
      </c>
      <c r="F91" s="11">
        <v>0</v>
      </c>
      <c r="G91" s="11">
        <v>0</v>
      </c>
      <c r="H91" s="11">
        <v>0</v>
      </c>
    </row>
    <row r="92" spans="1:8" x14ac:dyDescent="0.25">
      <c r="A92" s="2" t="s">
        <v>117</v>
      </c>
      <c r="B92" s="4" t="s">
        <v>886</v>
      </c>
      <c r="C92" s="12">
        <v>56832221.840000004</v>
      </c>
      <c r="D92" s="12">
        <v>17653177.280000001</v>
      </c>
      <c r="E92" s="12">
        <v>17653177.280000001</v>
      </c>
      <c r="F92" s="12">
        <v>0</v>
      </c>
      <c r="G92" s="12">
        <v>0</v>
      </c>
      <c r="H92" s="12">
        <v>0</v>
      </c>
    </row>
    <row r="93" spans="1:8" x14ac:dyDescent="0.25">
      <c r="A93" s="2" t="s">
        <v>119</v>
      </c>
      <c r="B93" s="4" t="s">
        <v>887</v>
      </c>
      <c r="C93" s="12">
        <v>0</v>
      </c>
      <c r="D93" s="12">
        <v>0</v>
      </c>
      <c r="E93" s="12">
        <v>0</v>
      </c>
      <c r="F93" s="12">
        <v>0</v>
      </c>
      <c r="G93" s="12">
        <v>0</v>
      </c>
      <c r="H93" s="12">
        <v>0</v>
      </c>
    </row>
    <row r="95" spans="1:8" x14ac:dyDescent="0.25">
      <c r="A95" s="10" t="s">
        <v>6</v>
      </c>
      <c r="B95" s="10" t="s">
        <v>888</v>
      </c>
      <c r="C95" s="10" t="s">
        <v>574</v>
      </c>
      <c r="D95" s="10" t="s">
        <v>575</v>
      </c>
      <c r="E95" s="10" t="s">
        <v>576</v>
      </c>
      <c r="F95" s="10" t="s">
        <v>577</v>
      </c>
      <c r="G95" s="10" t="s">
        <v>850</v>
      </c>
    </row>
    <row r="96" spans="1:8" x14ac:dyDescent="0.25">
      <c r="A96" s="10" t="s">
        <v>7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0" t="s">
        <v>7</v>
      </c>
    </row>
    <row r="97" spans="1:7" x14ac:dyDescent="0.25">
      <c r="A97" s="3" t="s">
        <v>120</v>
      </c>
      <c r="B97" s="5" t="s">
        <v>889</v>
      </c>
      <c r="C97" s="11">
        <v>0</v>
      </c>
      <c r="D97" s="11">
        <v>0</v>
      </c>
      <c r="E97" s="11">
        <v>0</v>
      </c>
      <c r="F97" s="11">
        <v>0</v>
      </c>
      <c r="G97" s="11">
        <v>0</v>
      </c>
    </row>
    <row r="98" spans="1:7" x14ac:dyDescent="0.25">
      <c r="A98" s="2" t="s">
        <v>121</v>
      </c>
      <c r="B98" s="4" t="s">
        <v>890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</row>
    <row r="99" spans="1:7" x14ac:dyDescent="0.25">
      <c r="A99" s="2" t="s">
        <v>122</v>
      </c>
      <c r="B99" s="4" t="s">
        <v>891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</row>
    <row r="100" spans="1:7" x14ac:dyDescent="0.25">
      <c r="A100" s="2" t="s">
        <v>123</v>
      </c>
      <c r="B100" s="4" t="s">
        <v>892</v>
      </c>
      <c r="C100" s="12">
        <v>53401277</v>
      </c>
      <c r="D100" s="12">
        <v>13094212.91</v>
      </c>
      <c r="E100" s="12">
        <v>9239514.5700000003</v>
      </c>
      <c r="F100" s="12">
        <v>9231385.2200000007</v>
      </c>
      <c r="G100" s="12">
        <v>0</v>
      </c>
    </row>
    <row r="101" spans="1:7" x14ac:dyDescent="0.25">
      <c r="A101" s="2" t="s">
        <v>124</v>
      </c>
      <c r="B101" s="4" t="s">
        <v>893</v>
      </c>
      <c r="C101" s="12">
        <v>862201123</v>
      </c>
      <c r="D101" s="12">
        <v>379834208.77999997</v>
      </c>
      <c r="E101" s="12">
        <v>305362853.30000001</v>
      </c>
      <c r="F101" s="12">
        <v>229915908.11000001</v>
      </c>
      <c r="G101" s="12">
        <v>0</v>
      </c>
    </row>
    <row r="102" spans="1:7" x14ac:dyDescent="0.25">
      <c r="A102" s="2" t="s">
        <v>125</v>
      </c>
      <c r="B102" s="4" t="s">
        <v>894</v>
      </c>
      <c r="C102" s="12">
        <v>250384700</v>
      </c>
      <c r="D102" s="12">
        <v>87649500.420000002</v>
      </c>
      <c r="E102" s="12">
        <v>84057921.200000003</v>
      </c>
      <c r="F102" s="12">
        <v>83210990.079999998</v>
      </c>
      <c r="G102" s="12">
        <v>0</v>
      </c>
    </row>
    <row r="103" spans="1:7" x14ac:dyDescent="0.25">
      <c r="A103" s="2" t="s">
        <v>126</v>
      </c>
      <c r="B103" s="4" t="s">
        <v>895</v>
      </c>
      <c r="C103" s="12">
        <v>397600</v>
      </c>
      <c r="D103" s="12">
        <v>137064.97</v>
      </c>
      <c r="E103" s="12">
        <v>45223.24</v>
      </c>
      <c r="F103" s="12">
        <v>45223.24</v>
      </c>
      <c r="G103" s="12">
        <v>0</v>
      </c>
    </row>
    <row r="104" spans="1:7" x14ac:dyDescent="0.25">
      <c r="A104" s="3" t="s">
        <v>127</v>
      </c>
      <c r="B104" s="5" t="s">
        <v>896</v>
      </c>
      <c r="C104" s="11">
        <v>1166384700</v>
      </c>
      <c r="D104" s="11">
        <v>480714987.07999998</v>
      </c>
      <c r="E104" s="11">
        <v>398705512.31</v>
      </c>
      <c r="F104" s="11">
        <v>322403506.64999998</v>
      </c>
      <c r="G104" s="11">
        <v>0</v>
      </c>
    </row>
    <row r="106" spans="1:7" x14ac:dyDescent="0.25">
      <c r="A106" s="10" t="s">
        <v>6</v>
      </c>
      <c r="B106" s="10" t="s">
        <v>897</v>
      </c>
      <c r="C106" s="10" t="s">
        <v>726</v>
      </c>
    </row>
    <row r="107" spans="1:7" x14ac:dyDescent="0.25">
      <c r="A107" s="10" t="s">
        <v>7</v>
      </c>
      <c r="B107" s="10" t="s">
        <v>7</v>
      </c>
      <c r="C107" s="10" t="s">
        <v>7</v>
      </c>
    </row>
    <row r="108" spans="1:7" x14ac:dyDescent="0.25">
      <c r="A108" s="2" t="s">
        <v>129</v>
      </c>
      <c r="B108" s="4" t="s">
        <v>898</v>
      </c>
      <c r="C108" s="12">
        <v>785915729.95000005</v>
      </c>
    </row>
    <row r="109" spans="1:7" x14ac:dyDescent="0.25">
      <c r="A109" s="2" t="s">
        <v>131</v>
      </c>
      <c r="B109" s="4" t="s">
        <v>899</v>
      </c>
      <c r="C109" s="12">
        <v>-327445266.44999999</v>
      </c>
    </row>
    <row r="110" spans="1:7" x14ac:dyDescent="0.25">
      <c r="A110" s="2" t="s">
        <v>133</v>
      </c>
      <c r="B110" s="4" t="s">
        <v>900</v>
      </c>
      <c r="C110" s="12">
        <v>0</v>
      </c>
    </row>
    <row r="111" spans="1:7" x14ac:dyDescent="0.25">
      <c r="A111" s="2" t="s">
        <v>135</v>
      </c>
      <c r="B111" s="4" t="s">
        <v>901</v>
      </c>
      <c r="C111" s="12">
        <v>0</v>
      </c>
    </row>
    <row r="112" spans="1:7" x14ac:dyDescent="0.25">
      <c r="A112" s="2" t="s">
        <v>137</v>
      </c>
      <c r="B112" s="4" t="s">
        <v>902</v>
      </c>
      <c r="C112" s="12">
        <v>467265.42</v>
      </c>
    </row>
    <row r="113" spans="1:7" x14ac:dyDescent="0.25">
      <c r="A113" s="3" t="s">
        <v>139</v>
      </c>
      <c r="B113" s="5" t="s">
        <v>903</v>
      </c>
      <c r="C113" s="11">
        <v>1112893730.98</v>
      </c>
    </row>
    <row r="115" spans="1:7" x14ac:dyDescent="0.25">
      <c r="A115" s="10" t="s">
        <v>6</v>
      </c>
      <c r="B115" s="10" t="s">
        <v>904</v>
      </c>
      <c r="C115" s="10" t="s">
        <v>905</v>
      </c>
      <c r="D115" s="10" t="s">
        <v>906</v>
      </c>
      <c r="E115" s="10" t="s">
        <v>907</v>
      </c>
    </row>
    <row r="116" spans="1:7" x14ac:dyDescent="0.25">
      <c r="A116" s="10" t="s">
        <v>7</v>
      </c>
      <c r="B116" s="10" t="s">
        <v>7</v>
      </c>
      <c r="C116" s="10" t="s">
        <v>7</v>
      </c>
      <c r="D116" s="10" t="s">
        <v>7</v>
      </c>
      <c r="E116" s="10" t="s">
        <v>7</v>
      </c>
    </row>
    <row r="117" spans="1:7" x14ac:dyDescent="0.25">
      <c r="A117" s="2" t="s">
        <v>141</v>
      </c>
      <c r="B117" s="4" t="s">
        <v>908</v>
      </c>
      <c r="C117" s="12">
        <v>1071216908.22</v>
      </c>
      <c r="D117" s="12">
        <v>1112893730.98</v>
      </c>
      <c r="E117" s="12">
        <v>25.97</v>
      </c>
    </row>
    <row r="119" spans="1:7" x14ac:dyDescent="0.25">
      <c r="A119" s="10" t="s">
        <v>6</v>
      </c>
      <c r="B119" s="10" t="s">
        <v>909</v>
      </c>
      <c r="C119" s="10" t="s">
        <v>910</v>
      </c>
      <c r="D119" s="10" t="s">
        <v>911</v>
      </c>
      <c r="E119" s="10" t="s">
        <v>912</v>
      </c>
      <c r="F119" s="10" t="s">
        <v>913</v>
      </c>
      <c r="G119" s="10" t="s">
        <v>914</v>
      </c>
    </row>
    <row r="120" spans="1:7" x14ac:dyDescent="0.25">
      <c r="A120" s="10" t="s">
        <v>7</v>
      </c>
      <c r="B120" s="10" t="s">
        <v>7</v>
      </c>
      <c r="C120" s="10" t="s">
        <v>7</v>
      </c>
      <c r="D120" s="10" t="s">
        <v>7</v>
      </c>
      <c r="E120" s="10" t="s">
        <v>7</v>
      </c>
      <c r="F120" s="10" t="s">
        <v>7</v>
      </c>
      <c r="G120" s="10" t="s">
        <v>7</v>
      </c>
    </row>
    <row r="121" spans="1:7" x14ac:dyDescent="0.25">
      <c r="A121" s="3" t="s">
        <v>143</v>
      </c>
      <c r="B121" s="5" t="s">
        <v>915</v>
      </c>
      <c r="C121" s="11">
        <v>98923969.840000004</v>
      </c>
      <c r="D121" s="11">
        <v>98589.49</v>
      </c>
      <c r="E121" s="11">
        <v>89761341.590000004</v>
      </c>
      <c r="F121" s="11">
        <v>467265.42</v>
      </c>
      <c r="G121" s="11">
        <v>8695362.8300000001</v>
      </c>
    </row>
    <row r="122" spans="1:7" x14ac:dyDescent="0.25">
      <c r="A122" s="2" t="s">
        <v>145</v>
      </c>
      <c r="B122" s="4" t="s">
        <v>916</v>
      </c>
      <c r="C122" s="12">
        <v>96435930.469999999</v>
      </c>
      <c r="D122" s="12">
        <v>98589.49</v>
      </c>
      <c r="E122" s="12">
        <v>87273302.219999999</v>
      </c>
      <c r="F122" s="12">
        <v>467265.42</v>
      </c>
      <c r="G122" s="12">
        <v>8695362.8300000001</v>
      </c>
    </row>
    <row r="123" spans="1:7" x14ac:dyDescent="0.25">
      <c r="A123" s="2" t="s">
        <v>147</v>
      </c>
      <c r="B123" s="4" t="s">
        <v>917</v>
      </c>
      <c r="C123" s="12">
        <v>2488039.37</v>
      </c>
      <c r="D123" s="12">
        <v>0</v>
      </c>
      <c r="E123" s="12">
        <v>2488039.37</v>
      </c>
      <c r="F123" s="12">
        <v>0</v>
      </c>
      <c r="G123" s="12">
        <v>0</v>
      </c>
    </row>
    <row r="124" spans="1:7" x14ac:dyDescent="0.25">
      <c r="A124" s="2" t="s">
        <v>149</v>
      </c>
      <c r="B124" s="4" t="s">
        <v>918</v>
      </c>
      <c r="C124" s="12">
        <v>0</v>
      </c>
      <c r="D124" s="12">
        <v>0</v>
      </c>
      <c r="E124" s="12">
        <v>0</v>
      </c>
      <c r="F124" s="12">
        <v>0</v>
      </c>
      <c r="G124" s="12">
        <v>0</v>
      </c>
    </row>
    <row r="126" spans="1:7" x14ac:dyDescent="0.25">
      <c r="A126" s="10" t="s">
        <v>6</v>
      </c>
      <c r="B126" s="10" t="s">
        <v>919</v>
      </c>
      <c r="C126" s="10" t="s">
        <v>10</v>
      </c>
      <c r="D126" s="10" t="s">
        <v>552</v>
      </c>
    </row>
    <row r="127" spans="1:7" x14ac:dyDescent="0.25">
      <c r="A127" s="10" t="s">
        <v>7</v>
      </c>
      <c r="B127" s="10" t="s">
        <v>7</v>
      </c>
      <c r="C127" s="10" t="s">
        <v>7</v>
      </c>
      <c r="D127" s="10" t="s">
        <v>7</v>
      </c>
    </row>
    <row r="128" spans="1:7" x14ac:dyDescent="0.25">
      <c r="A128" s="3" t="s">
        <v>151</v>
      </c>
      <c r="B128" s="5" t="s">
        <v>920</v>
      </c>
      <c r="C128" s="11">
        <v>166126000</v>
      </c>
      <c r="D128" s="11">
        <v>21734355.620000001</v>
      </c>
    </row>
    <row r="129" spans="1:7" x14ac:dyDescent="0.25">
      <c r="A129" s="2" t="s">
        <v>152</v>
      </c>
      <c r="B129" s="4" t="s">
        <v>921</v>
      </c>
      <c r="C129" s="12">
        <v>73336200</v>
      </c>
      <c r="D129" s="12">
        <v>14188286.91</v>
      </c>
    </row>
    <row r="130" spans="1:7" x14ac:dyDescent="0.25">
      <c r="A130" s="2" t="s">
        <v>153</v>
      </c>
      <c r="B130" s="4" t="s">
        <v>922</v>
      </c>
      <c r="C130" s="12">
        <v>0</v>
      </c>
      <c r="D130" s="12">
        <v>30634.71</v>
      </c>
    </row>
    <row r="131" spans="1:7" x14ac:dyDescent="0.25">
      <c r="A131" s="2" t="s">
        <v>155</v>
      </c>
      <c r="B131" s="4" t="s">
        <v>923</v>
      </c>
      <c r="C131" s="12">
        <v>18000000</v>
      </c>
      <c r="D131" s="12">
        <v>7515434</v>
      </c>
    </row>
    <row r="132" spans="1:7" x14ac:dyDescent="0.25">
      <c r="A132" s="2" t="s">
        <v>157</v>
      </c>
      <c r="B132" s="4" t="s">
        <v>924</v>
      </c>
      <c r="C132" s="12">
        <v>0</v>
      </c>
      <c r="D132" s="12">
        <v>0</v>
      </c>
    </row>
    <row r="133" spans="1:7" x14ac:dyDescent="0.25">
      <c r="A133" s="2" t="s">
        <v>159</v>
      </c>
      <c r="B133" s="4" t="s">
        <v>925</v>
      </c>
      <c r="C133" s="12">
        <v>74789800</v>
      </c>
      <c r="D133" s="12">
        <v>0</v>
      </c>
    </row>
    <row r="134" spans="1:7" x14ac:dyDescent="0.25">
      <c r="A134" s="2" t="s">
        <v>161</v>
      </c>
      <c r="B134" s="4" t="s">
        <v>926</v>
      </c>
      <c r="C134" s="12">
        <v>121859400</v>
      </c>
      <c r="D134" s="12">
        <v>889139</v>
      </c>
    </row>
    <row r="135" spans="1:7" x14ac:dyDescent="0.25">
      <c r="A135" s="2" t="s">
        <v>163</v>
      </c>
      <c r="B135" s="4" t="s">
        <v>927</v>
      </c>
      <c r="C135" s="12">
        <v>0</v>
      </c>
      <c r="D135" s="12">
        <v>0</v>
      </c>
    </row>
    <row r="136" spans="1:7" x14ac:dyDescent="0.25">
      <c r="A136" s="2" t="s">
        <v>176</v>
      </c>
      <c r="B136" s="4" t="s">
        <v>928</v>
      </c>
      <c r="C136" s="12">
        <v>0</v>
      </c>
      <c r="D136" s="12">
        <v>0</v>
      </c>
    </row>
    <row r="137" spans="1:7" x14ac:dyDescent="0.25">
      <c r="A137" s="2" t="s">
        <v>178</v>
      </c>
      <c r="B137" s="4" t="s">
        <v>929</v>
      </c>
      <c r="C137" s="12">
        <v>0</v>
      </c>
      <c r="D137" s="12">
        <v>0</v>
      </c>
    </row>
    <row r="138" spans="1:7" x14ac:dyDescent="0.25">
      <c r="A138" s="3" t="s">
        <v>180</v>
      </c>
      <c r="B138" s="5" t="s">
        <v>930</v>
      </c>
      <c r="C138" s="11">
        <v>287985400</v>
      </c>
      <c r="D138" s="11">
        <v>22623494.620000001</v>
      </c>
    </row>
    <row r="140" spans="1:7" x14ac:dyDescent="0.25">
      <c r="A140" s="10" t="s">
        <v>6</v>
      </c>
      <c r="B140" s="10" t="s">
        <v>931</v>
      </c>
      <c r="C140" s="10" t="s">
        <v>574</v>
      </c>
      <c r="D140" s="10" t="s">
        <v>575</v>
      </c>
      <c r="E140" s="10" t="s">
        <v>576</v>
      </c>
      <c r="F140" s="10" t="s">
        <v>577</v>
      </c>
      <c r="G140" s="10" t="s">
        <v>850</v>
      </c>
    </row>
    <row r="141" spans="1:7" x14ac:dyDescent="0.25">
      <c r="A141" s="10" t="s">
        <v>7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0" t="s">
        <v>7</v>
      </c>
    </row>
    <row r="142" spans="1:7" x14ac:dyDescent="0.25">
      <c r="A142" s="3" t="s">
        <v>182</v>
      </c>
      <c r="B142" s="5" t="s">
        <v>932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</row>
    <row r="143" spans="1:7" x14ac:dyDescent="0.25">
      <c r="A143" s="2" t="s">
        <v>184</v>
      </c>
      <c r="B143" s="4" t="s">
        <v>933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</row>
    <row r="144" spans="1:7" x14ac:dyDescent="0.25">
      <c r="A144" s="2" t="s">
        <v>186</v>
      </c>
      <c r="B144" s="4" t="s">
        <v>934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</row>
    <row r="145" spans="1:7" x14ac:dyDescent="0.25">
      <c r="A145" s="2" t="s">
        <v>188</v>
      </c>
      <c r="B145" s="4" t="s">
        <v>935</v>
      </c>
      <c r="C145" s="12">
        <v>73333076</v>
      </c>
      <c r="D145" s="12">
        <v>4332544.7</v>
      </c>
      <c r="E145" s="12">
        <v>4112242.4</v>
      </c>
      <c r="F145" s="12">
        <v>4095487.2</v>
      </c>
      <c r="G145" s="12">
        <v>0</v>
      </c>
    </row>
    <row r="146" spans="1:7" x14ac:dyDescent="0.25">
      <c r="A146" s="2" t="s">
        <v>190</v>
      </c>
      <c r="B146" s="4" t="s">
        <v>936</v>
      </c>
      <c r="C146" s="12">
        <v>153178224</v>
      </c>
      <c r="D146" s="12">
        <v>36215262.130000003</v>
      </c>
      <c r="E146" s="12">
        <v>22881798</v>
      </c>
      <c r="F146" s="12">
        <v>22856665.199999999</v>
      </c>
      <c r="G146" s="12">
        <v>0</v>
      </c>
    </row>
    <row r="147" spans="1:7" x14ac:dyDescent="0.25">
      <c r="A147" s="2" t="s">
        <v>192</v>
      </c>
      <c r="B147" s="4" t="s">
        <v>937</v>
      </c>
      <c r="C147" s="12">
        <v>31583000</v>
      </c>
      <c r="D147" s="12">
        <v>1736860.89</v>
      </c>
      <c r="E147" s="12">
        <v>1317767.3400000001</v>
      </c>
      <c r="F147" s="12">
        <v>1316184.45</v>
      </c>
      <c r="G147" s="12">
        <v>0</v>
      </c>
    </row>
    <row r="148" spans="1:7" x14ac:dyDescent="0.25">
      <c r="A148" s="2" t="s">
        <v>194</v>
      </c>
      <c r="B148" s="4" t="s">
        <v>938</v>
      </c>
      <c r="C148" s="12">
        <v>42630000</v>
      </c>
      <c r="D148" s="12">
        <v>873300</v>
      </c>
      <c r="E148" s="12">
        <v>623418.11</v>
      </c>
      <c r="F148" s="12">
        <v>623418.11</v>
      </c>
      <c r="G148" s="12">
        <v>0</v>
      </c>
    </row>
    <row r="149" spans="1:7" x14ac:dyDescent="0.25">
      <c r="A149" s="3" t="s">
        <v>196</v>
      </c>
      <c r="B149" s="5" t="s">
        <v>939</v>
      </c>
      <c r="C149" s="11">
        <v>300724300</v>
      </c>
      <c r="D149" s="11">
        <v>43157967.719999999</v>
      </c>
      <c r="E149" s="11">
        <v>28935225.850000001</v>
      </c>
      <c r="F149" s="11">
        <v>28891754.960000001</v>
      </c>
      <c r="G149" s="11">
        <v>0</v>
      </c>
    </row>
    <row r="151" spans="1:7" x14ac:dyDescent="0.25">
      <c r="A151" s="10" t="s">
        <v>6</v>
      </c>
      <c r="B151" s="10" t="s">
        <v>940</v>
      </c>
      <c r="C151" s="10" t="s">
        <v>574</v>
      </c>
      <c r="D151" s="10" t="s">
        <v>575</v>
      </c>
      <c r="E151" s="10" t="s">
        <v>576</v>
      </c>
      <c r="F151" s="10" t="s">
        <v>577</v>
      </c>
      <c r="G151" s="10" t="s">
        <v>850</v>
      </c>
    </row>
    <row r="152" spans="1:7" x14ac:dyDescent="0.25">
      <c r="A152" s="10" t="s">
        <v>7</v>
      </c>
      <c r="B152" s="10" t="s">
        <v>7</v>
      </c>
      <c r="C152" s="10" t="s">
        <v>7</v>
      </c>
      <c r="D152" s="10" t="s">
        <v>7</v>
      </c>
      <c r="E152" s="10" t="s">
        <v>7</v>
      </c>
      <c r="F152" s="10" t="s">
        <v>7</v>
      </c>
      <c r="G152" s="10" t="s">
        <v>7</v>
      </c>
    </row>
    <row r="153" spans="1:7" x14ac:dyDescent="0.25">
      <c r="A153" s="3" t="s">
        <v>198</v>
      </c>
      <c r="B153" s="5" t="s">
        <v>941</v>
      </c>
      <c r="C153" s="11">
        <v>2672927000</v>
      </c>
      <c r="D153" s="11">
        <v>911958756.16999996</v>
      </c>
      <c r="E153" s="11">
        <v>814850955.79999995</v>
      </c>
      <c r="F153" s="11">
        <v>732952379.75999999</v>
      </c>
      <c r="G153" s="11">
        <v>0</v>
      </c>
    </row>
    <row r="154" spans="1:7" x14ac:dyDescent="0.25">
      <c r="A154" s="3" t="s">
        <v>200</v>
      </c>
      <c r="B154" s="5" t="s">
        <v>942</v>
      </c>
      <c r="C154" s="11">
        <v>2475773807</v>
      </c>
      <c r="D154" s="11">
        <v>858970400.20000005</v>
      </c>
      <c r="E154" s="11">
        <v>800214657.52999997</v>
      </c>
      <c r="F154" s="11">
        <v>718331529.28999996</v>
      </c>
      <c r="G154" s="11">
        <v>0</v>
      </c>
    </row>
    <row r="155" spans="1:7" x14ac:dyDescent="0.25">
      <c r="A155" s="2" t="s">
        <v>202</v>
      </c>
      <c r="B155" s="4" t="s">
        <v>943</v>
      </c>
      <c r="C155" s="12">
        <v>1949867800</v>
      </c>
      <c r="D155" s="12">
        <v>706494738.05999994</v>
      </c>
      <c r="E155" s="12">
        <v>705216089.23000002</v>
      </c>
      <c r="F155" s="12">
        <v>627283468.04999995</v>
      </c>
      <c r="G155" s="12">
        <v>0</v>
      </c>
    </row>
    <row r="156" spans="1:7" x14ac:dyDescent="0.25">
      <c r="A156" s="2" t="s">
        <v>204</v>
      </c>
      <c r="B156" s="4" t="s">
        <v>944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</row>
    <row r="157" spans="1:7" x14ac:dyDescent="0.25">
      <c r="A157" s="2" t="s">
        <v>206</v>
      </c>
      <c r="B157" s="4" t="s">
        <v>945</v>
      </c>
      <c r="C157" s="12">
        <v>1400000</v>
      </c>
      <c r="D157" s="12">
        <v>455011.43</v>
      </c>
      <c r="E157" s="12">
        <v>360957.23</v>
      </c>
      <c r="F157" s="12">
        <v>360957.23</v>
      </c>
      <c r="G157" s="12">
        <v>0</v>
      </c>
    </row>
    <row r="158" spans="1:7" x14ac:dyDescent="0.25">
      <c r="A158" s="2" t="s">
        <v>208</v>
      </c>
      <c r="B158" s="4" t="s">
        <v>946</v>
      </c>
      <c r="C158" s="12">
        <v>524506007</v>
      </c>
      <c r="D158" s="12">
        <v>152020650.71000001</v>
      </c>
      <c r="E158" s="12">
        <v>94637611.069999993</v>
      </c>
      <c r="F158" s="12">
        <v>90687104.010000005</v>
      </c>
      <c r="G158" s="12">
        <v>0</v>
      </c>
    </row>
    <row r="159" spans="1:7" x14ac:dyDescent="0.25">
      <c r="A159" s="3" t="s">
        <v>210</v>
      </c>
      <c r="B159" s="5" t="s">
        <v>947</v>
      </c>
      <c r="C159" s="11">
        <v>197153193</v>
      </c>
      <c r="D159" s="11">
        <v>52988355.969999999</v>
      </c>
      <c r="E159" s="11">
        <v>14636298.27</v>
      </c>
      <c r="F159" s="11">
        <v>14620850.470000001</v>
      </c>
      <c r="G159" s="11">
        <v>0</v>
      </c>
    </row>
    <row r="160" spans="1:7" x14ac:dyDescent="0.25">
      <c r="A160" s="2" t="s">
        <v>212</v>
      </c>
      <c r="B160" s="4" t="s">
        <v>948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</row>
    <row r="161" spans="1:7" x14ac:dyDescent="0.25">
      <c r="A161" s="2" t="s">
        <v>214</v>
      </c>
      <c r="B161" s="4" t="s">
        <v>949</v>
      </c>
      <c r="C161" s="12">
        <v>197153193</v>
      </c>
      <c r="D161" s="12">
        <v>52988355.969999999</v>
      </c>
      <c r="E161" s="12">
        <v>14636298.27</v>
      </c>
      <c r="F161" s="12">
        <v>14620850.470000001</v>
      </c>
      <c r="G161" s="12">
        <v>0</v>
      </c>
    </row>
    <row r="163" spans="1:7" x14ac:dyDescent="0.25">
      <c r="A163" s="10" t="s">
        <v>6</v>
      </c>
      <c r="B163" s="10" t="s">
        <v>950</v>
      </c>
      <c r="C163" s="10" t="s">
        <v>951</v>
      </c>
      <c r="D163" s="10" t="s">
        <v>952</v>
      </c>
    </row>
    <row r="164" spans="1:7" x14ac:dyDescent="0.25">
      <c r="A164" s="10" t="s">
        <v>7</v>
      </c>
      <c r="B164" s="10" t="s">
        <v>7</v>
      </c>
      <c r="C164" s="10" t="s">
        <v>7</v>
      </c>
      <c r="D164" s="10" t="s">
        <v>7</v>
      </c>
    </row>
    <row r="165" spans="1:7" x14ac:dyDescent="0.25">
      <c r="A165" s="2" t="s">
        <v>215</v>
      </c>
      <c r="B165" s="4" t="s">
        <v>953</v>
      </c>
      <c r="C165" s="12">
        <v>17653177.280000001</v>
      </c>
      <c r="D165" s="12">
        <v>10470587.970000001</v>
      </c>
    </row>
    <row r="166" spans="1:7" x14ac:dyDescent="0.25">
      <c r="A166" s="2" t="s">
        <v>216</v>
      </c>
      <c r="B166" s="4" t="s">
        <v>954</v>
      </c>
      <c r="C166" s="12">
        <v>464120349.54000002</v>
      </c>
      <c r="D166" s="12">
        <v>14188286.91</v>
      </c>
    </row>
    <row r="167" spans="1:7" x14ac:dyDescent="0.25">
      <c r="A167" s="2" t="s">
        <v>218</v>
      </c>
      <c r="B167" s="4" t="s">
        <v>955</v>
      </c>
      <c r="C167" s="12">
        <v>384145157.51999998</v>
      </c>
      <c r="D167" s="12">
        <v>16417632.029999999</v>
      </c>
    </row>
    <row r="168" spans="1:7" x14ac:dyDescent="0.25">
      <c r="A168" s="3" t="s">
        <v>220</v>
      </c>
      <c r="B168" s="5" t="s">
        <v>956</v>
      </c>
      <c r="C168" s="11">
        <v>97628369.299999997</v>
      </c>
      <c r="D168" s="11">
        <v>8241242.8499999996</v>
      </c>
    </row>
    <row r="169" spans="1:7" x14ac:dyDescent="0.25">
      <c r="A169" s="2" t="s">
        <v>222</v>
      </c>
      <c r="B169" s="4" t="s">
        <v>957</v>
      </c>
      <c r="C169" s="12">
        <v>16627172.189999999</v>
      </c>
      <c r="D169" s="12">
        <v>4511950.29</v>
      </c>
    </row>
    <row r="170" spans="1:7" x14ac:dyDescent="0.25">
      <c r="A170" s="2" t="s">
        <v>225</v>
      </c>
      <c r="B170" s="4" t="s">
        <v>958</v>
      </c>
      <c r="C170" s="12">
        <v>0</v>
      </c>
      <c r="D170" s="12">
        <v>4576559.1900000004</v>
      </c>
    </row>
    <row r="171" spans="1:7" x14ac:dyDescent="0.25">
      <c r="A171" s="3" t="s">
        <v>227</v>
      </c>
      <c r="B171" s="5" t="s">
        <v>959</v>
      </c>
      <c r="C171" s="11">
        <v>114255541.48999999</v>
      </c>
      <c r="D171" s="11">
        <v>8176633.9500000002</v>
      </c>
    </row>
  </sheetData>
  <mergeCells count="106">
    <mergeCell ref="A163:A164"/>
    <mergeCell ref="B163:B164"/>
    <mergeCell ref="C163:C164"/>
    <mergeCell ref="D163:D164"/>
    <mergeCell ref="F140:F141"/>
    <mergeCell ref="G140:G141"/>
    <mergeCell ref="A151:A152"/>
    <mergeCell ref="B151:B152"/>
    <mergeCell ref="C151:C152"/>
    <mergeCell ref="D151:D152"/>
    <mergeCell ref="E151:E152"/>
    <mergeCell ref="F151:F152"/>
    <mergeCell ref="G151:G152"/>
    <mergeCell ref="A140:A141"/>
    <mergeCell ref="B140:B141"/>
    <mergeCell ref="C140:C141"/>
    <mergeCell ref="D140:D141"/>
    <mergeCell ref="E140:E141"/>
    <mergeCell ref="F119:F120"/>
    <mergeCell ref="G119:G120"/>
    <mergeCell ref="A126:A127"/>
    <mergeCell ref="B126:B127"/>
    <mergeCell ref="C126:C127"/>
    <mergeCell ref="D126:D127"/>
    <mergeCell ref="D115:D116"/>
    <mergeCell ref="E115:E116"/>
    <mergeCell ref="A119:A120"/>
    <mergeCell ref="B119:B120"/>
    <mergeCell ref="C119:C120"/>
    <mergeCell ref="D119:D120"/>
    <mergeCell ref="E119:E120"/>
    <mergeCell ref="A106:A107"/>
    <mergeCell ref="B106:B107"/>
    <mergeCell ref="C106:C107"/>
    <mergeCell ref="A115:A116"/>
    <mergeCell ref="B115:B116"/>
    <mergeCell ref="C115:C116"/>
    <mergeCell ref="F89:F90"/>
    <mergeCell ref="G89:G90"/>
    <mergeCell ref="H89:H90"/>
    <mergeCell ref="A95:A96"/>
    <mergeCell ref="B95:B96"/>
    <mergeCell ref="C95:C96"/>
    <mergeCell ref="D95:D96"/>
    <mergeCell ref="E95:E96"/>
    <mergeCell ref="F95:F96"/>
    <mergeCell ref="G95:G96"/>
    <mergeCell ref="A89:A90"/>
    <mergeCell ref="B89:B90"/>
    <mergeCell ref="C89:C90"/>
    <mergeCell ref="D89:D90"/>
    <mergeCell ref="E89:E90"/>
    <mergeCell ref="F80:F81"/>
    <mergeCell ref="A85:A86"/>
    <mergeCell ref="B85:B86"/>
    <mergeCell ref="C85:C86"/>
    <mergeCell ref="D85:D86"/>
    <mergeCell ref="E85:E86"/>
    <mergeCell ref="F85:F86"/>
    <mergeCell ref="A80:A81"/>
    <mergeCell ref="B80:B81"/>
    <mergeCell ref="C80:C81"/>
    <mergeCell ref="D80:D81"/>
    <mergeCell ref="E80:E81"/>
    <mergeCell ref="D62:D63"/>
    <mergeCell ref="E62:E63"/>
    <mergeCell ref="F62:F63"/>
    <mergeCell ref="G62:G63"/>
    <mergeCell ref="A72:A73"/>
    <mergeCell ref="B72:B73"/>
    <mergeCell ref="C72:C73"/>
    <mergeCell ref="D72:D73"/>
    <mergeCell ref="E72:E73"/>
    <mergeCell ref="F72:F73"/>
    <mergeCell ref="G72:G73"/>
    <mergeCell ref="A58:A59"/>
    <mergeCell ref="B58:B59"/>
    <mergeCell ref="C58:C59"/>
    <mergeCell ref="A62:A63"/>
    <mergeCell ref="B62:B63"/>
    <mergeCell ref="C62:C63"/>
    <mergeCell ref="A38:A39"/>
    <mergeCell ref="B38:B39"/>
    <mergeCell ref="C38:C39"/>
    <mergeCell ref="D38:D39"/>
    <mergeCell ref="A52:A53"/>
    <mergeCell ref="B52:B53"/>
    <mergeCell ref="C52:C53"/>
    <mergeCell ref="A30:A31"/>
    <mergeCell ref="B30:B31"/>
    <mergeCell ref="C30:C31"/>
    <mergeCell ref="D30:D31"/>
    <mergeCell ref="A34:A35"/>
    <mergeCell ref="B34:B35"/>
    <mergeCell ref="C34:C35"/>
    <mergeCell ref="D34:D35"/>
    <mergeCell ref="A9:H9"/>
    <mergeCell ref="A10:A11"/>
    <mergeCell ref="B10:B11"/>
    <mergeCell ref="C10:C11"/>
    <mergeCell ref="D10:D11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36"/>
  <sheetViews>
    <sheetView showGridLines="0" workbookViewId="0"/>
  </sheetViews>
  <sheetFormatPr defaultRowHeight="15" x14ac:dyDescent="0.25"/>
  <cols>
    <col min="2" max="2" width="88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960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961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962</v>
      </c>
      <c r="C10" s="10" t="s">
        <v>963</v>
      </c>
      <c r="D10" s="10" t="s">
        <v>964</v>
      </c>
      <c r="E10" s="10" t="s">
        <v>965</v>
      </c>
      <c r="F10" s="10" t="s">
        <v>966</v>
      </c>
      <c r="G10" s="10" t="s">
        <v>967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0" t="s">
        <v>7</v>
      </c>
    </row>
    <row r="12" spans="1:7" x14ac:dyDescent="0.25">
      <c r="A12" s="3" t="s">
        <v>17</v>
      </c>
      <c r="B12" s="5" t="s">
        <v>968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</row>
    <row r="13" spans="1:7" x14ac:dyDescent="0.25">
      <c r="A13" s="2" t="s">
        <v>19</v>
      </c>
      <c r="B13" s="4" t="s">
        <v>969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</row>
    <row r="14" spans="1:7" x14ac:dyDescent="0.25">
      <c r="A14" s="2" t="s">
        <v>21</v>
      </c>
      <c r="B14" s="4" t="s">
        <v>970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</row>
    <row r="15" spans="1:7" x14ac:dyDescent="0.25">
      <c r="A15" s="2" t="s">
        <v>23</v>
      </c>
      <c r="B15" s="4" t="s">
        <v>971</v>
      </c>
      <c r="C15" s="12">
        <v>0</v>
      </c>
      <c r="D15" s="12">
        <v>0</v>
      </c>
      <c r="E15" s="12">
        <v>0</v>
      </c>
      <c r="F15" s="12">
        <v>0</v>
      </c>
      <c r="G15" s="12">
        <v>0</v>
      </c>
    </row>
    <row r="16" spans="1:7" x14ac:dyDescent="0.25">
      <c r="A16" s="2" t="s">
        <v>25</v>
      </c>
      <c r="B16" s="4" t="s">
        <v>972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</row>
    <row r="17" spans="1:7" x14ac:dyDescent="0.25">
      <c r="A17" s="2" t="s">
        <v>27</v>
      </c>
      <c r="B17" s="4" t="s">
        <v>973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</row>
    <row r="18" spans="1:7" x14ac:dyDescent="0.25">
      <c r="A18" s="3" t="s">
        <v>29</v>
      </c>
      <c r="B18" s="5" t="s">
        <v>974</v>
      </c>
      <c r="C18" s="11">
        <v>0</v>
      </c>
      <c r="D18" s="11">
        <v>0</v>
      </c>
      <c r="E18" s="11">
        <v>0</v>
      </c>
      <c r="F18" s="11">
        <v>0</v>
      </c>
      <c r="G18" s="11">
        <v>0</v>
      </c>
    </row>
    <row r="19" spans="1:7" x14ac:dyDescent="0.25">
      <c r="A19" s="2" t="s">
        <v>31</v>
      </c>
      <c r="B19" s="4" t="s">
        <v>969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</row>
    <row r="20" spans="1:7" x14ac:dyDescent="0.25">
      <c r="A20" s="2" t="s">
        <v>33</v>
      </c>
      <c r="B20" s="4" t="s">
        <v>970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</row>
    <row r="21" spans="1:7" x14ac:dyDescent="0.25">
      <c r="A21" s="2" t="s">
        <v>35</v>
      </c>
      <c r="B21" s="4" t="s">
        <v>971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</row>
    <row r="22" spans="1:7" x14ac:dyDescent="0.25">
      <c r="A22" s="2" t="s">
        <v>37</v>
      </c>
      <c r="B22" s="4" t="s">
        <v>972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</row>
    <row r="23" spans="1:7" x14ac:dyDescent="0.25">
      <c r="A23" s="2" t="s">
        <v>39</v>
      </c>
      <c r="B23" s="4" t="s">
        <v>975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</row>
    <row r="24" spans="1:7" x14ac:dyDescent="0.25">
      <c r="A24" s="3" t="s">
        <v>41</v>
      </c>
      <c r="B24" s="5" t="s">
        <v>976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</row>
    <row r="25" spans="1:7" x14ac:dyDescent="0.25">
      <c r="A25" s="2" t="s">
        <v>43</v>
      </c>
      <c r="B25" s="4" t="s">
        <v>969</v>
      </c>
      <c r="C25" s="12">
        <v>0</v>
      </c>
      <c r="D25" s="12">
        <v>0</v>
      </c>
      <c r="E25" s="12">
        <v>0</v>
      </c>
      <c r="F25" s="12">
        <v>0</v>
      </c>
      <c r="G25" s="12">
        <v>0</v>
      </c>
    </row>
    <row r="26" spans="1:7" x14ac:dyDescent="0.25">
      <c r="A26" s="2" t="s">
        <v>45</v>
      </c>
      <c r="B26" s="4" t="s">
        <v>970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</row>
    <row r="27" spans="1:7" x14ac:dyDescent="0.25">
      <c r="A27" s="2" t="s">
        <v>47</v>
      </c>
      <c r="B27" s="4" t="s">
        <v>971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</row>
    <row r="28" spans="1:7" x14ac:dyDescent="0.25">
      <c r="A28" s="2" t="s">
        <v>49</v>
      </c>
      <c r="B28" s="4" t="s">
        <v>972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</row>
    <row r="29" spans="1:7" x14ac:dyDescent="0.25">
      <c r="A29" s="2" t="s">
        <v>51</v>
      </c>
      <c r="B29" s="4" t="s">
        <v>975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</row>
    <row r="30" spans="1:7" x14ac:dyDescent="0.25">
      <c r="A30" s="3" t="s">
        <v>53</v>
      </c>
      <c r="B30" s="5" t="s">
        <v>977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</row>
    <row r="31" spans="1:7" x14ac:dyDescent="0.25">
      <c r="A31" s="2" t="s">
        <v>55</v>
      </c>
      <c r="B31" s="4" t="s">
        <v>972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</row>
    <row r="32" spans="1:7" x14ac:dyDescent="0.25">
      <c r="A32" s="2" t="s">
        <v>57</v>
      </c>
      <c r="B32" s="4" t="s">
        <v>975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</row>
    <row r="33" spans="1:7" x14ac:dyDescent="0.25">
      <c r="A33" s="3" t="s">
        <v>59</v>
      </c>
      <c r="B33" s="5" t="s">
        <v>978</v>
      </c>
      <c r="C33" s="11">
        <v>0</v>
      </c>
      <c r="D33" s="11">
        <v>0</v>
      </c>
      <c r="E33" s="11">
        <v>0</v>
      </c>
      <c r="F33" s="11">
        <v>0</v>
      </c>
      <c r="G33" s="11">
        <v>0</v>
      </c>
    </row>
    <row r="34" spans="1:7" x14ac:dyDescent="0.25">
      <c r="A34" s="2" t="s">
        <v>61</v>
      </c>
      <c r="B34" s="4" t="s">
        <v>972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</row>
    <row r="35" spans="1:7" x14ac:dyDescent="0.25">
      <c r="A35" s="2" t="s">
        <v>63</v>
      </c>
      <c r="B35" s="4" t="s">
        <v>975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</row>
    <row r="36" spans="1:7" x14ac:dyDescent="0.25">
      <c r="A36" s="3" t="s">
        <v>65</v>
      </c>
      <c r="B36" s="5" t="s">
        <v>979</v>
      </c>
      <c r="C36" s="11">
        <v>0</v>
      </c>
      <c r="D36" s="11">
        <v>0</v>
      </c>
      <c r="E36" s="11">
        <v>0</v>
      </c>
      <c r="F36" s="11">
        <v>0</v>
      </c>
      <c r="G36" s="11">
        <v>0</v>
      </c>
    </row>
  </sheetData>
  <mergeCells count="13">
    <mergeCell ref="A9:G9"/>
    <mergeCell ref="A10:A11"/>
    <mergeCell ref="B10:B11"/>
    <mergeCell ref="C10:C11"/>
    <mergeCell ref="D10:D11"/>
    <mergeCell ref="E10:E11"/>
    <mergeCell ref="F10:F11"/>
    <mergeCell ref="G10:G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0"/>
  <sheetViews>
    <sheetView showGridLines="0" workbookViewId="0"/>
  </sheetViews>
  <sheetFormatPr defaultRowHeight="15" x14ac:dyDescent="0.25"/>
  <cols>
    <col min="1" max="1" width="3.7109375" bestFit="1" customWidth="1"/>
    <col min="2" max="2" width="99" customWidth="1"/>
    <col min="3" max="4" width="20.28515625" bestFit="1" customWidth="1"/>
    <col min="5" max="5" width="19.140625" bestFit="1" customWidth="1"/>
    <col min="6" max="6" width="13.7109375" bestFit="1" customWidth="1"/>
    <col min="7" max="7" width="17.28515625" bestFit="1" customWidth="1"/>
    <col min="8" max="8" width="12.140625" bestFit="1" customWidth="1"/>
    <col min="9" max="9" width="17.28515625" bestFit="1" customWidth="1"/>
    <col min="10" max="10" width="11.8554687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98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98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982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1</v>
      </c>
      <c r="F11" s="1" t="s">
        <v>983</v>
      </c>
    </row>
    <row r="12" spans="1:12" x14ac:dyDescent="0.25">
      <c r="A12" s="3" t="s">
        <v>17</v>
      </c>
      <c r="B12" s="5" t="s">
        <v>984</v>
      </c>
      <c r="C12" s="11">
        <v>11960266900</v>
      </c>
      <c r="D12" s="11">
        <v>11960266900</v>
      </c>
      <c r="E12" s="11">
        <v>4943927389.3400002</v>
      </c>
      <c r="F12" s="11">
        <v>41.34</v>
      </c>
    </row>
    <row r="13" spans="1:12" x14ac:dyDescent="0.25">
      <c r="A13" s="3" t="s">
        <v>19</v>
      </c>
      <c r="B13" s="5" t="s">
        <v>985</v>
      </c>
      <c r="C13" s="11">
        <v>10054096900</v>
      </c>
      <c r="D13" s="11">
        <v>10054096900</v>
      </c>
      <c r="E13" s="11">
        <v>3953103611.4899998</v>
      </c>
      <c r="F13" s="11">
        <v>39.32</v>
      </c>
    </row>
    <row r="14" spans="1:12" x14ac:dyDescent="0.25">
      <c r="A14" s="2" t="s">
        <v>21</v>
      </c>
      <c r="B14" s="4" t="s">
        <v>986</v>
      </c>
      <c r="C14" s="12">
        <v>9850946800</v>
      </c>
      <c r="D14" s="12">
        <v>9850946800</v>
      </c>
      <c r="E14" s="12">
        <v>3882246066.1199999</v>
      </c>
      <c r="F14" s="12">
        <v>39.409999999999997</v>
      </c>
    </row>
    <row r="15" spans="1:12" x14ac:dyDescent="0.25">
      <c r="A15" s="2" t="s">
        <v>23</v>
      </c>
      <c r="B15" s="4" t="s">
        <v>987</v>
      </c>
      <c r="C15" s="12">
        <v>118350600</v>
      </c>
      <c r="D15" s="12">
        <v>118350600</v>
      </c>
      <c r="E15" s="12">
        <v>38386686.020000003</v>
      </c>
      <c r="F15" s="12">
        <v>32.43</v>
      </c>
    </row>
    <row r="16" spans="1:12" x14ac:dyDescent="0.25">
      <c r="A16" s="2" t="s">
        <v>25</v>
      </c>
      <c r="B16" s="4" t="s">
        <v>988</v>
      </c>
      <c r="C16" s="12">
        <v>84799500</v>
      </c>
      <c r="D16" s="12">
        <v>84799500</v>
      </c>
      <c r="E16" s="12">
        <v>32470859.350000001</v>
      </c>
      <c r="F16" s="12">
        <v>38.29</v>
      </c>
    </row>
    <row r="17" spans="1:6" x14ac:dyDescent="0.25">
      <c r="A17" s="3" t="s">
        <v>27</v>
      </c>
      <c r="B17" s="5" t="s">
        <v>989</v>
      </c>
      <c r="C17" s="11">
        <v>182844600</v>
      </c>
      <c r="D17" s="11">
        <v>182844600</v>
      </c>
      <c r="E17" s="11">
        <v>87320604.019999996</v>
      </c>
      <c r="F17" s="11">
        <v>47.76</v>
      </c>
    </row>
    <row r="18" spans="1:6" x14ac:dyDescent="0.25">
      <c r="A18" s="2" t="s">
        <v>29</v>
      </c>
      <c r="B18" s="4" t="s">
        <v>990</v>
      </c>
      <c r="C18" s="12">
        <v>182844600</v>
      </c>
      <c r="D18" s="12">
        <v>182844600</v>
      </c>
      <c r="E18" s="12">
        <v>86225559.989999995</v>
      </c>
      <c r="F18" s="12">
        <v>47.16</v>
      </c>
    </row>
    <row r="19" spans="1:6" x14ac:dyDescent="0.25">
      <c r="A19" s="2" t="s">
        <v>31</v>
      </c>
      <c r="B19" s="4" t="s">
        <v>991</v>
      </c>
      <c r="C19" s="12">
        <v>0</v>
      </c>
      <c r="D19" s="12">
        <v>0</v>
      </c>
      <c r="E19" s="12">
        <v>1095044.03</v>
      </c>
      <c r="F19" s="12">
        <v>0</v>
      </c>
    </row>
    <row r="20" spans="1:6" x14ac:dyDescent="0.25">
      <c r="A20" s="3" t="s">
        <v>33</v>
      </c>
      <c r="B20" s="5" t="s">
        <v>992</v>
      </c>
      <c r="C20" s="11">
        <v>730803700</v>
      </c>
      <c r="D20" s="11">
        <v>730803700</v>
      </c>
      <c r="E20" s="11">
        <v>573216981.71000004</v>
      </c>
      <c r="F20" s="11">
        <v>78.44</v>
      </c>
    </row>
    <row r="21" spans="1:6" x14ac:dyDescent="0.25">
      <c r="A21" s="2" t="s">
        <v>35</v>
      </c>
      <c r="B21" s="4" t="s">
        <v>993</v>
      </c>
      <c r="C21" s="12">
        <v>675783900</v>
      </c>
      <c r="D21" s="12">
        <v>675783900</v>
      </c>
      <c r="E21" s="12">
        <v>554305110.46000004</v>
      </c>
      <c r="F21" s="12">
        <v>82.02</v>
      </c>
    </row>
    <row r="22" spans="1:6" x14ac:dyDescent="0.25">
      <c r="A22" s="2" t="s">
        <v>37</v>
      </c>
      <c r="B22" s="4" t="s">
        <v>994</v>
      </c>
      <c r="C22" s="12">
        <v>55019800</v>
      </c>
      <c r="D22" s="12">
        <v>55019800</v>
      </c>
      <c r="E22" s="12">
        <v>18911871.25</v>
      </c>
      <c r="F22" s="12">
        <v>34.369999999999997</v>
      </c>
    </row>
    <row r="23" spans="1:6" x14ac:dyDescent="0.25">
      <c r="A23" s="2" t="s">
        <v>39</v>
      </c>
      <c r="B23" s="4" t="s">
        <v>995</v>
      </c>
      <c r="C23" s="12">
        <v>992521700</v>
      </c>
      <c r="D23" s="12">
        <v>992521700</v>
      </c>
      <c r="E23" s="12">
        <v>330286192.12</v>
      </c>
      <c r="F23" s="12">
        <v>33.28</v>
      </c>
    </row>
    <row r="24" spans="1:6" x14ac:dyDescent="0.25">
      <c r="A24" s="3" t="s">
        <v>41</v>
      </c>
      <c r="B24" s="5" t="s">
        <v>996</v>
      </c>
      <c r="C24" s="11">
        <v>1403274000</v>
      </c>
      <c r="D24" s="11">
        <v>1403274000</v>
      </c>
      <c r="E24" s="11">
        <v>619341494.36000001</v>
      </c>
      <c r="F24" s="11">
        <v>87.09</v>
      </c>
    </row>
    <row r="25" spans="1:6" x14ac:dyDescent="0.25">
      <c r="A25" s="2" t="s">
        <v>43</v>
      </c>
      <c r="B25" s="4" t="s">
        <v>997</v>
      </c>
      <c r="C25" s="12">
        <v>1273744200</v>
      </c>
      <c r="D25" s="12">
        <v>1273744200</v>
      </c>
      <c r="E25" s="12">
        <v>572803207.61000001</v>
      </c>
      <c r="F25" s="12">
        <v>44.97</v>
      </c>
    </row>
    <row r="26" spans="1:6" x14ac:dyDescent="0.25">
      <c r="A26" s="2" t="s">
        <v>45</v>
      </c>
      <c r="B26" s="4" t="s">
        <v>998</v>
      </c>
      <c r="C26" s="12">
        <v>19038100</v>
      </c>
      <c r="D26" s="12">
        <v>19038100</v>
      </c>
      <c r="E26" s="12">
        <v>0</v>
      </c>
      <c r="F26" s="12">
        <v>0</v>
      </c>
    </row>
    <row r="27" spans="1:6" x14ac:dyDescent="0.25">
      <c r="A27" s="3" t="s">
        <v>47</v>
      </c>
      <c r="B27" s="5" t="s">
        <v>999</v>
      </c>
      <c r="C27" s="11">
        <v>110491700</v>
      </c>
      <c r="D27" s="11">
        <v>110491700</v>
      </c>
      <c r="E27" s="11">
        <v>46538286.75</v>
      </c>
      <c r="F27" s="11">
        <v>42.12</v>
      </c>
    </row>
    <row r="28" spans="1:6" x14ac:dyDescent="0.25">
      <c r="A28" s="2" t="s">
        <v>49</v>
      </c>
      <c r="B28" s="4" t="s">
        <v>1000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51</v>
      </c>
      <c r="B29" s="4" t="s">
        <v>1001</v>
      </c>
      <c r="C29" s="12">
        <v>110491700</v>
      </c>
      <c r="D29" s="12">
        <v>110491700</v>
      </c>
      <c r="E29" s="12">
        <v>46538286.75</v>
      </c>
      <c r="F29" s="12">
        <v>42.12</v>
      </c>
    </row>
    <row r="30" spans="1:6" x14ac:dyDescent="0.25">
      <c r="A30" s="3" t="s">
        <v>53</v>
      </c>
      <c r="B30" s="5" t="s">
        <v>1002</v>
      </c>
      <c r="C30" s="11">
        <v>2885349100</v>
      </c>
      <c r="D30" s="11">
        <v>2885349100</v>
      </c>
      <c r="E30" s="11">
        <v>1278401250.8199999</v>
      </c>
      <c r="F30" s="11">
        <v>44.31</v>
      </c>
    </row>
    <row r="31" spans="1:6" x14ac:dyDescent="0.25">
      <c r="A31" s="2" t="s">
        <v>55</v>
      </c>
      <c r="B31" s="4" t="s">
        <v>1003</v>
      </c>
      <c r="C31" s="12">
        <v>2492324300</v>
      </c>
      <c r="D31" s="12">
        <v>2492324300</v>
      </c>
      <c r="E31" s="12">
        <v>980158188.11000001</v>
      </c>
      <c r="F31" s="12">
        <v>39.33</v>
      </c>
    </row>
    <row r="32" spans="1:6" x14ac:dyDescent="0.25">
      <c r="A32" s="2" t="s">
        <v>57</v>
      </c>
      <c r="B32" s="4" t="s">
        <v>1004</v>
      </c>
      <c r="C32" s="12">
        <v>365401900</v>
      </c>
      <c r="D32" s="12">
        <v>365401900</v>
      </c>
      <c r="E32" s="12">
        <v>286608491.05000001</v>
      </c>
      <c r="F32" s="12">
        <v>78.44</v>
      </c>
    </row>
    <row r="33" spans="1:10" x14ac:dyDescent="0.25">
      <c r="A33" s="2" t="s">
        <v>59</v>
      </c>
      <c r="B33" s="4" t="s">
        <v>1005</v>
      </c>
      <c r="C33" s="12">
        <v>27622900</v>
      </c>
      <c r="D33" s="12">
        <v>27622900</v>
      </c>
      <c r="E33" s="12">
        <v>11634571.66</v>
      </c>
      <c r="F33" s="12">
        <v>42.12</v>
      </c>
    </row>
    <row r="34" spans="1:10" x14ac:dyDescent="0.25">
      <c r="A34" s="3" t="s">
        <v>61</v>
      </c>
      <c r="B34" s="5" t="s">
        <v>1006</v>
      </c>
      <c r="C34" s="11">
        <v>10478191800</v>
      </c>
      <c r="D34" s="11">
        <v>10478191800</v>
      </c>
      <c r="E34" s="11">
        <v>4284867632.8800001</v>
      </c>
      <c r="F34" s="11">
        <v>40.89</v>
      </c>
    </row>
    <row r="36" spans="1:10" x14ac:dyDescent="0.25">
      <c r="A36" s="10" t="s">
        <v>6</v>
      </c>
      <c r="B36" s="10" t="s">
        <v>1007</v>
      </c>
      <c r="C36" s="10" t="s">
        <v>369</v>
      </c>
      <c r="D36" s="10" t="s">
        <v>574</v>
      </c>
      <c r="E36" s="10" t="s">
        <v>168</v>
      </c>
      <c r="F36" s="10" t="s">
        <v>7</v>
      </c>
      <c r="G36" s="10" t="s">
        <v>172</v>
      </c>
      <c r="H36" s="10" t="s">
        <v>7</v>
      </c>
      <c r="I36" s="10" t="s">
        <v>1011</v>
      </c>
      <c r="J36" s="10" t="s">
        <v>1011</v>
      </c>
    </row>
    <row r="37" spans="1:10" ht="21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" t="s">
        <v>374</v>
      </c>
      <c r="F37" s="1" t="s">
        <v>1008</v>
      </c>
      <c r="G37" s="1" t="s">
        <v>1009</v>
      </c>
      <c r="H37" s="1" t="s">
        <v>1010</v>
      </c>
      <c r="I37" s="1" t="s">
        <v>170</v>
      </c>
      <c r="J37" s="1" t="s">
        <v>1012</v>
      </c>
    </row>
    <row r="38" spans="1:10" x14ac:dyDescent="0.25">
      <c r="A38" s="3" t="s">
        <v>63</v>
      </c>
      <c r="B38" s="5" t="s">
        <v>1013</v>
      </c>
      <c r="C38" s="11">
        <v>69829000</v>
      </c>
      <c r="D38" s="11">
        <v>69829000</v>
      </c>
      <c r="E38" s="11">
        <v>20963566.129999999</v>
      </c>
      <c r="F38" s="11">
        <v>30.02</v>
      </c>
      <c r="G38" s="11">
        <v>12896328.199999999</v>
      </c>
      <c r="H38" s="11">
        <v>18.47</v>
      </c>
      <c r="I38" s="11">
        <v>12309854.779999999</v>
      </c>
      <c r="J38" s="11">
        <v>17.63</v>
      </c>
    </row>
    <row r="39" spans="1:10" x14ac:dyDescent="0.25">
      <c r="A39" s="2" t="s">
        <v>65</v>
      </c>
      <c r="B39" s="4" t="s">
        <v>1014</v>
      </c>
      <c r="C39" s="12">
        <v>69829000</v>
      </c>
      <c r="D39" s="12">
        <v>69829000</v>
      </c>
      <c r="E39" s="12">
        <v>20963566.129999999</v>
      </c>
      <c r="F39" s="12">
        <v>30.02</v>
      </c>
      <c r="G39" s="12">
        <v>12896328.199999999</v>
      </c>
      <c r="H39" s="12">
        <v>18.47</v>
      </c>
      <c r="I39" s="12">
        <v>12309854.779999999</v>
      </c>
      <c r="J39" s="12">
        <v>17.63</v>
      </c>
    </row>
    <row r="40" spans="1:10" x14ac:dyDescent="0.25">
      <c r="A40" s="2" t="s">
        <v>67</v>
      </c>
      <c r="B40" s="4" t="s">
        <v>1015</v>
      </c>
      <c r="C40" s="12">
        <v>0</v>
      </c>
      <c r="D40" s="12">
        <v>0</v>
      </c>
      <c r="E40" s="12">
        <v>0</v>
      </c>
      <c r="F40" s="12">
        <v>0</v>
      </c>
      <c r="G40" s="12">
        <v>0</v>
      </c>
      <c r="H40" s="12">
        <v>0</v>
      </c>
      <c r="I40" s="12">
        <v>0</v>
      </c>
      <c r="J40" s="12">
        <v>0</v>
      </c>
    </row>
    <row r="41" spans="1:10" x14ac:dyDescent="0.25">
      <c r="A41" s="3" t="s">
        <v>69</v>
      </c>
      <c r="B41" s="5" t="s">
        <v>1016</v>
      </c>
      <c r="C41" s="11">
        <v>709427300</v>
      </c>
      <c r="D41" s="11">
        <v>710063899</v>
      </c>
      <c r="E41" s="11">
        <v>215831956.78</v>
      </c>
      <c r="F41" s="11">
        <v>35.92</v>
      </c>
      <c r="G41" s="11">
        <v>171513894.75</v>
      </c>
      <c r="H41" s="11">
        <v>25.6</v>
      </c>
      <c r="I41" s="11">
        <v>160965616.11000001</v>
      </c>
      <c r="J41" s="11">
        <v>24.03</v>
      </c>
    </row>
    <row r="42" spans="1:10" x14ac:dyDescent="0.25">
      <c r="A42" s="2" t="s">
        <v>71</v>
      </c>
      <c r="B42" s="4" t="s">
        <v>1014</v>
      </c>
      <c r="C42" s="12">
        <v>680892300</v>
      </c>
      <c r="D42" s="12">
        <v>669903899</v>
      </c>
      <c r="E42" s="12">
        <v>214250188.71000001</v>
      </c>
      <c r="F42" s="12">
        <v>31.98</v>
      </c>
      <c r="G42" s="12">
        <v>171512644.75</v>
      </c>
      <c r="H42" s="12">
        <v>25.6</v>
      </c>
      <c r="I42" s="12">
        <v>160964366.11000001</v>
      </c>
      <c r="J42" s="12">
        <v>24.03</v>
      </c>
    </row>
    <row r="43" spans="1:10" x14ac:dyDescent="0.25">
      <c r="A43" s="2" t="s">
        <v>73</v>
      </c>
      <c r="B43" s="4" t="s">
        <v>1017</v>
      </c>
      <c r="C43" s="12">
        <v>28535000</v>
      </c>
      <c r="D43" s="12">
        <v>40160000</v>
      </c>
      <c r="E43" s="12">
        <v>1581768.07</v>
      </c>
      <c r="F43" s="12">
        <v>3.94</v>
      </c>
      <c r="G43" s="12">
        <v>1250</v>
      </c>
      <c r="H43" s="12">
        <v>0</v>
      </c>
      <c r="I43" s="12">
        <v>1250</v>
      </c>
      <c r="J43" s="12">
        <v>0</v>
      </c>
    </row>
    <row r="44" spans="1:10" x14ac:dyDescent="0.25">
      <c r="A44" s="3" t="s">
        <v>75</v>
      </c>
      <c r="B44" s="5" t="s">
        <v>1018</v>
      </c>
      <c r="C44" s="11">
        <v>58390700</v>
      </c>
      <c r="D44" s="11">
        <v>49199878</v>
      </c>
      <c r="E44" s="11">
        <v>10658562.42</v>
      </c>
      <c r="F44" s="11">
        <v>21.66</v>
      </c>
      <c r="G44" s="11">
        <v>6342626.1399999997</v>
      </c>
      <c r="H44" s="11">
        <v>12.89</v>
      </c>
      <c r="I44" s="11">
        <v>6276028.1100000003</v>
      </c>
      <c r="J44" s="11">
        <v>12.76</v>
      </c>
    </row>
    <row r="45" spans="1:10" x14ac:dyDescent="0.25">
      <c r="A45" s="2" t="s">
        <v>77</v>
      </c>
      <c r="B45" s="4" t="s">
        <v>1014</v>
      </c>
      <c r="C45" s="12">
        <v>58390700</v>
      </c>
      <c r="D45" s="12">
        <v>49199878</v>
      </c>
      <c r="E45" s="12">
        <v>10658562.42</v>
      </c>
      <c r="F45" s="12">
        <v>21.66</v>
      </c>
      <c r="G45" s="12">
        <v>6342626.1399999997</v>
      </c>
      <c r="H45" s="12">
        <v>12.89</v>
      </c>
      <c r="I45" s="12">
        <v>6276028.1100000003</v>
      </c>
      <c r="J45" s="12">
        <v>12.76</v>
      </c>
    </row>
    <row r="46" spans="1:10" x14ac:dyDescent="0.25">
      <c r="A46" s="2" t="s">
        <v>79</v>
      </c>
      <c r="B46" s="4" t="s">
        <v>1017</v>
      </c>
      <c r="C46" s="12">
        <v>0</v>
      </c>
      <c r="D46" s="12">
        <v>0</v>
      </c>
      <c r="E46" s="12">
        <v>0</v>
      </c>
      <c r="F46" s="12">
        <v>0</v>
      </c>
      <c r="G46" s="12">
        <v>0</v>
      </c>
      <c r="H46" s="12">
        <v>0</v>
      </c>
      <c r="I46" s="12">
        <v>0</v>
      </c>
      <c r="J46" s="12">
        <v>0</v>
      </c>
    </row>
    <row r="47" spans="1:10" x14ac:dyDescent="0.25">
      <c r="A47" s="3" t="s">
        <v>81</v>
      </c>
      <c r="B47" s="5" t="s">
        <v>1019</v>
      </c>
      <c r="C47" s="11">
        <v>500000</v>
      </c>
      <c r="D47" s="11">
        <v>500000</v>
      </c>
      <c r="E47" s="11">
        <v>0</v>
      </c>
      <c r="F47" s="11">
        <v>0</v>
      </c>
      <c r="G47" s="11">
        <v>0</v>
      </c>
      <c r="H47" s="11">
        <v>0</v>
      </c>
      <c r="I47" s="11">
        <v>0</v>
      </c>
      <c r="J47" s="11">
        <v>0</v>
      </c>
    </row>
    <row r="48" spans="1:10" x14ac:dyDescent="0.25">
      <c r="A48" s="2" t="s">
        <v>83</v>
      </c>
      <c r="B48" s="4" t="s">
        <v>1014</v>
      </c>
      <c r="C48" s="12">
        <v>500000</v>
      </c>
      <c r="D48" s="12">
        <v>500000</v>
      </c>
      <c r="E48" s="12">
        <v>0</v>
      </c>
      <c r="F48" s="12">
        <v>0</v>
      </c>
      <c r="G48" s="12">
        <v>0</v>
      </c>
      <c r="H48" s="12">
        <v>0</v>
      </c>
      <c r="I48" s="12">
        <v>0</v>
      </c>
      <c r="J48" s="12">
        <v>0</v>
      </c>
    </row>
    <row r="49" spans="1:10" x14ac:dyDescent="0.25">
      <c r="A49" s="2" t="s">
        <v>85</v>
      </c>
      <c r="B49" s="4" t="s">
        <v>1017</v>
      </c>
      <c r="C49" s="12">
        <v>0</v>
      </c>
      <c r="D49" s="12">
        <v>0</v>
      </c>
      <c r="E49" s="12">
        <v>0</v>
      </c>
      <c r="F49" s="12">
        <v>0</v>
      </c>
      <c r="G49" s="12">
        <v>0</v>
      </c>
      <c r="H49" s="12">
        <v>0</v>
      </c>
      <c r="I49" s="12">
        <v>0</v>
      </c>
      <c r="J49" s="12">
        <v>0</v>
      </c>
    </row>
    <row r="50" spans="1:10" x14ac:dyDescent="0.25">
      <c r="A50" s="3" t="s">
        <v>87</v>
      </c>
      <c r="B50" s="5" t="s">
        <v>1020</v>
      </c>
      <c r="C50" s="11">
        <v>19858000</v>
      </c>
      <c r="D50" s="11">
        <v>52304173</v>
      </c>
      <c r="E50" s="11">
        <v>17221202.420000002</v>
      </c>
      <c r="F50" s="11">
        <v>56.64</v>
      </c>
      <c r="G50" s="11">
        <v>14689359.15</v>
      </c>
      <c r="H50" s="11">
        <v>51.23</v>
      </c>
      <c r="I50" s="11">
        <v>10914499.279999999</v>
      </c>
      <c r="J50" s="11">
        <v>43.2</v>
      </c>
    </row>
    <row r="51" spans="1:10" x14ac:dyDescent="0.25">
      <c r="A51" s="2" t="s">
        <v>89</v>
      </c>
      <c r="B51" s="4" t="s">
        <v>1014</v>
      </c>
      <c r="C51" s="12">
        <v>18737500</v>
      </c>
      <c r="D51" s="12">
        <v>46992851</v>
      </c>
      <c r="E51" s="12">
        <v>16023847.77</v>
      </c>
      <c r="F51" s="12">
        <v>34.1</v>
      </c>
      <c r="G51" s="12">
        <v>13493448.5</v>
      </c>
      <c r="H51" s="12">
        <v>28.71</v>
      </c>
      <c r="I51" s="12">
        <v>9718588.6300000008</v>
      </c>
      <c r="J51" s="12">
        <v>20.68</v>
      </c>
    </row>
    <row r="52" spans="1:10" x14ac:dyDescent="0.25">
      <c r="A52" s="2" t="s">
        <v>91</v>
      </c>
      <c r="B52" s="4" t="s">
        <v>1017</v>
      </c>
      <c r="C52" s="12">
        <v>1120500</v>
      </c>
      <c r="D52" s="12">
        <v>5311322</v>
      </c>
      <c r="E52" s="12">
        <v>1197354.6499999999</v>
      </c>
      <c r="F52" s="12">
        <v>22.54</v>
      </c>
      <c r="G52" s="12">
        <v>1195910.6499999999</v>
      </c>
      <c r="H52" s="12">
        <v>22.52</v>
      </c>
      <c r="I52" s="12">
        <v>1195910.6499999999</v>
      </c>
      <c r="J52" s="12">
        <v>22.52</v>
      </c>
    </row>
    <row r="53" spans="1:10" x14ac:dyDescent="0.25">
      <c r="A53" s="3" t="s">
        <v>93</v>
      </c>
      <c r="B53" s="5" t="s">
        <v>1021</v>
      </c>
      <c r="C53" s="11">
        <v>34293200</v>
      </c>
      <c r="D53" s="11">
        <v>34293200</v>
      </c>
      <c r="E53" s="11">
        <v>11403217.119999999</v>
      </c>
      <c r="F53" s="11">
        <v>33.25</v>
      </c>
      <c r="G53" s="11">
        <v>8560041</v>
      </c>
      <c r="H53" s="11">
        <v>24.96</v>
      </c>
      <c r="I53" s="11">
        <v>8560041</v>
      </c>
      <c r="J53" s="11">
        <v>24.96</v>
      </c>
    </row>
    <row r="54" spans="1:10" x14ac:dyDescent="0.25">
      <c r="A54" s="2" t="s">
        <v>95</v>
      </c>
      <c r="B54" s="4" t="s">
        <v>1014</v>
      </c>
      <c r="C54" s="12">
        <v>34293200</v>
      </c>
      <c r="D54" s="12">
        <v>34293200</v>
      </c>
      <c r="E54" s="12">
        <v>11403217.119999999</v>
      </c>
      <c r="F54" s="12">
        <v>33.25</v>
      </c>
      <c r="G54" s="12">
        <v>8560041</v>
      </c>
      <c r="H54" s="12">
        <v>24.96</v>
      </c>
      <c r="I54" s="12">
        <v>8560041</v>
      </c>
      <c r="J54" s="12">
        <v>24.96</v>
      </c>
    </row>
    <row r="55" spans="1:10" x14ac:dyDescent="0.25">
      <c r="A55" s="2" t="s">
        <v>97</v>
      </c>
      <c r="B55" s="4" t="s">
        <v>1017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</row>
    <row r="56" spans="1:10" x14ac:dyDescent="0.25">
      <c r="A56" s="3" t="s">
        <v>99</v>
      </c>
      <c r="B56" s="5" t="s">
        <v>1022</v>
      </c>
      <c r="C56" s="11">
        <v>365084900</v>
      </c>
      <c r="D56" s="11">
        <v>439764870.91000003</v>
      </c>
      <c r="E56" s="11">
        <v>260038513.94</v>
      </c>
      <c r="F56" s="11">
        <v>66.69</v>
      </c>
      <c r="G56" s="11">
        <v>246261867.88999999</v>
      </c>
      <c r="H56" s="11">
        <v>60.09</v>
      </c>
      <c r="I56" s="11">
        <v>216524137.03999999</v>
      </c>
      <c r="J56" s="11">
        <v>52.82</v>
      </c>
    </row>
    <row r="57" spans="1:10" x14ac:dyDescent="0.25">
      <c r="A57" s="2" t="s">
        <v>101</v>
      </c>
      <c r="B57" s="4" t="s">
        <v>1014</v>
      </c>
      <c r="C57" s="12">
        <v>347561900</v>
      </c>
      <c r="D57" s="12">
        <v>414241606.91000003</v>
      </c>
      <c r="E57" s="12">
        <v>258974773.06</v>
      </c>
      <c r="F57" s="12">
        <v>62.52</v>
      </c>
      <c r="G57" s="12">
        <v>246087995.61000001</v>
      </c>
      <c r="H57" s="12">
        <v>59.41</v>
      </c>
      <c r="I57" s="12">
        <v>216373187.56</v>
      </c>
      <c r="J57" s="12">
        <v>52.23</v>
      </c>
    </row>
    <row r="58" spans="1:10" x14ac:dyDescent="0.25">
      <c r="A58" s="2" t="s">
        <v>103</v>
      </c>
      <c r="B58" s="4" t="s">
        <v>1017</v>
      </c>
      <c r="C58" s="12">
        <v>17523000</v>
      </c>
      <c r="D58" s="12">
        <v>25523264</v>
      </c>
      <c r="E58" s="12">
        <v>1063740.8799999999</v>
      </c>
      <c r="F58" s="12">
        <v>4.17</v>
      </c>
      <c r="G58" s="12">
        <v>173872.28</v>
      </c>
      <c r="H58" s="12">
        <v>0.68</v>
      </c>
      <c r="I58" s="12">
        <v>150949.48000000001</v>
      </c>
      <c r="J58" s="12">
        <v>0.59</v>
      </c>
    </row>
    <row r="59" spans="1:10" x14ac:dyDescent="0.25">
      <c r="A59" s="3" t="s">
        <v>105</v>
      </c>
      <c r="B59" s="5" t="s">
        <v>1023</v>
      </c>
      <c r="C59" s="11">
        <v>1257383100</v>
      </c>
      <c r="D59" s="11">
        <v>1355955020.9100001</v>
      </c>
      <c r="E59" s="11">
        <v>536117018.81</v>
      </c>
      <c r="F59" s="11">
        <v>39.54</v>
      </c>
      <c r="G59" s="11">
        <v>460264117.13</v>
      </c>
      <c r="H59" s="11">
        <v>33.94</v>
      </c>
      <c r="I59" s="11">
        <v>415550176.31999999</v>
      </c>
      <c r="J59" s="11">
        <v>30.65</v>
      </c>
    </row>
    <row r="61" spans="1:10" x14ac:dyDescent="0.25">
      <c r="A61" s="10" t="s">
        <v>6</v>
      </c>
      <c r="B61" s="10" t="s">
        <v>1024</v>
      </c>
      <c r="C61" s="10" t="s">
        <v>1025</v>
      </c>
      <c r="D61" s="10" t="s">
        <v>1026</v>
      </c>
      <c r="E61" s="10" t="s">
        <v>1027</v>
      </c>
    </row>
    <row r="62" spans="1:10" x14ac:dyDescent="0.25">
      <c r="A62" s="10" t="s">
        <v>7</v>
      </c>
      <c r="B62" s="10" t="s">
        <v>7</v>
      </c>
      <c r="C62" s="10" t="s">
        <v>7</v>
      </c>
      <c r="D62" s="10" t="s">
        <v>7</v>
      </c>
      <c r="E62" s="10" t="s">
        <v>7</v>
      </c>
    </row>
    <row r="63" spans="1:10" x14ac:dyDescent="0.25">
      <c r="A63" s="2" t="s">
        <v>107</v>
      </c>
      <c r="B63" s="4" t="s">
        <v>1028</v>
      </c>
      <c r="C63" s="12">
        <v>536117018.81</v>
      </c>
      <c r="D63" s="12">
        <v>460264117.13</v>
      </c>
      <c r="E63" s="12">
        <v>415550176.31999999</v>
      </c>
    </row>
    <row r="64" spans="1:10" x14ac:dyDescent="0.25">
      <c r="A64" s="2" t="s">
        <v>109</v>
      </c>
      <c r="B64" s="4" t="s">
        <v>1029</v>
      </c>
      <c r="C64" s="12">
        <v>0</v>
      </c>
      <c r="D64" s="12">
        <v>0</v>
      </c>
      <c r="E64" s="12">
        <v>0</v>
      </c>
    </row>
    <row r="65" spans="1:5" x14ac:dyDescent="0.25">
      <c r="A65" s="2" t="s">
        <v>111</v>
      </c>
      <c r="B65" s="4" t="s">
        <v>1030</v>
      </c>
      <c r="C65" s="12">
        <v>0</v>
      </c>
      <c r="D65" s="12">
        <v>0</v>
      </c>
      <c r="E65" s="12">
        <v>0</v>
      </c>
    </row>
    <row r="66" spans="1:5" x14ac:dyDescent="0.25">
      <c r="A66" s="2" t="s">
        <v>113</v>
      </c>
      <c r="B66" s="4" t="s">
        <v>1031</v>
      </c>
      <c r="C66" s="12">
        <v>0</v>
      </c>
      <c r="D66" s="12">
        <v>0</v>
      </c>
      <c r="E66" s="12">
        <v>0</v>
      </c>
    </row>
    <row r="67" spans="1:5" x14ac:dyDescent="0.25">
      <c r="A67" s="2" t="s">
        <v>115</v>
      </c>
      <c r="B67" s="4" t="s">
        <v>1032</v>
      </c>
      <c r="C67" s="12">
        <v>536117018.81</v>
      </c>
      <c r="D67" s="12">
        <v>460264117.13</v>
      </c>
      <c r="E67" s="12">
        <v>415550176.31999999</v>
      </c>
    </row>
    <row r="69" spans="1:5" x14ac:dyDescent="0.25">
      <c r="A69" s="10" t="s">
        <v>6</v>
      </c>
      <c r="B69" s="10" t="s">
        <v>1033</v>
      </c>
      <c r="C69" s="10" t="s">
        <v>1034</v>
      </c>
    </row>
    <row r="70" spans="1:5" x14ac:dyDescent="0.25">
      <c r="A70" s="10" t="s">
        <v>7</v>
      </c>
      <c r="B70" s="10" t="s">
        <v>7</v>
      </c>
      <c r="C70" s="10" t="s">
        <v>7</v>
      </c>
    </row>
    <row r="71" spans="1:5" x14ac:dyDescent="0.25">
      <c r="A71" s="2" t="s">
        <v>117</v>
      </c>
      <c r="B71" s="4" t="s">
        <v>1035</v>
      </c>
      <c r="C71" s="12">
        <v>514184115.94999999</v>
      </c>
    </row>
    <row r="72" spans="1:5" x14ac:dyDescent="0.25">
      <c r="A72" s="2" t="s">
        <v>119</v>
      </c>
      <c r="B72" s="4" t="s">
        <v>1036</v>
      </c>
      <c r="C72" s="12">
        <v>0</v>
      </c>
    </row>
    <row r="74" spans="1:5" x14ac:dyDescent="0.25">
      <c r="A74" s="10" t="s">
        <v>6</v>
      </c>
      <c r="B74" s="10" t="s">
        <v>1037</v>
      </c>
      <c r="C74" s="10" t="s">
        <v>1025</v>
      </c>
      <c r="D74" s="10" t="s">
        <v>1026</v>
      </c>
      <c r="E74" s="10" t="s">
        <v>1027</v>
      </c>
    </row>
    <row r="75" spans="1:5" x14ac:dyDescent="0.25">
      <c r="A75" s="10" t="s">
        <v>7</v>
      </c>
      <c r="B75" s="10" t="s">
        <v>7</v>
      </c>
      <c r="C75" s="10" t="s">
        <v>7</v>
      </c>
      <c r="D75" s="10" t="s">
        <v>7</v>
      </c>
      <c r="E75" s="10" t="s">
        <v>7</v>
      </c>
    </row>
    <row r="76" spans="1:5" x14ac:dyDescent="0.25">
      <c r="A76" s="2" t="s">
        <v>120</v>
      </c>
      <c r="B76" s="4" t="s">
        <v>1038</v>
      </c>
      <c r="C76" s="12">
        <v>21932902.859999999</v>
      </c>
      <c r="D76" s="12">
        <v>-53919998.82</v>
      </c>
      <c r="E76" s="12">
        <v>-98633939.629999995</v>
      </c>
    </row>
    <row r="78" spans="1:5" x14ac:dyDescent="0.25">
      <c r="A78" s="10" t="s">
        <v>6</v>
      </c>
      <c r="B78" s="10" t="s">
        <v>1039</v>
      </c>
      <c r="C78" s="10" t="s">
        <v>1039</v>
      </c>
    </row>
    <row r="79" spans="1:5" x14ac:dyDescent="0.25">
      <c r="A79" s="10" t="s">
        <v>7</v>
      </c>
      <c r="B79" s="10" t="s">
        <v>7</v>
      </c>
      <c r="C79" s="10" t="s">
        <v>7</v>
      </c>
    </row>
    <row r="80" spans="1:5" x14ac:dyDescent="0.25">
      <c r="A80" s="2" t="s">
        <v>121</v>
      </c>
      <c r="B80" s="4" t="s">
        <v>1040</v>
      </c>
      <c r="C80" s="12">
        <v>-53919998.82</v>
      </c>
    </row>
    <row r="82" spans="1:12" x14ac:dyDescent="0.25">
      <c r="A82" s="10" t="s">
        <v>6</v>
      </c>
      <c r="B82" s="10" t="s">
        <v>1041</v>
      </c>
      <c r="C82" s="10" t="s">
        <v>1025</v>
      </c>
      <c r="D82" s="10" t="s">
        <v>1026</v>
      </c>
    </row>
    <row r="83" spans="1:12" x14ac:dyDescent="0.25">
      <c r="A83" s="10" t="s">
        <v>7</v>
      </c>
      <c r="B83" s="10" t="s">
        <v>7</v>
      </c>
      <c r="C83" s="10" t="s">
        <v>7</v>
      </c>
      <c r="D83" s="10" t="s">
        <v>7</v>
      </c>
    </row>
    <row r="84" spans="1:12" x14ac:dyDescent="0.25">
      <c r="A84" s="2" t="s">
        <v>122</v>
      </c>
      <c r="B84" s="4" t="s">
        <v>1042</v>
      </c>
      <c r="C84" s="12">
        <v>12.51</v>
      </c>
      <c r="D84" s="12">
        <v>10.74</v>
      </c>
    </row>
    <row r="86" spans="1:12" x14ac:dyDescent="0.25">
      <c r="A86" s="10" t="s">
        <v>6</v>
      </c>
      <c r="B86" s="10" t="s">
        <v>1043</v>
      </c>
      <c r="C86" s="10" t="s">
        <v>1044</v>
      </c>
      <c r="D86" s="10" t="s">
        <v>1045</v>
      </c>
      <c r="E86" s="10" t="s">
        <v>7</v>
      </c>
      <c r="F86" s="10" t="s">
        <v>7</v>
      </c>
      <c r="G86" s="10" t="s">
        <v>1049</v>
      </c>
    </row>
    <row r="87" spans="1:12" ht="21" x14ac:dyDescent="0.25">
      <c r="A87" s="10" t="s">
        <v>7</v>
      </c>
      <c r="B87" s="10" t="s">
        <v>7</v>
      </c>
      <c r="C87" s="10" t="s">
        <v>7</v>
      </c>
      <c r="D87" s="1" t="s">
        <v>1046</v>
      </c>
      <c r="E87" s="1" t="s">
        <v>1047</v>
      </c>
      <c r="F87" s="1" t="s">
        <v>1048</v>
      </c>
      <c r="G87" s="10" t="s">
        <v>7</v>
      </c>
    </row>
    <row r="88" spans="1:12" x14ac:dyDescent="0.25">
      <c r="A88" s="2" t="s">
        <v>123</v>
      </c>
      <c r="B88" s="4" t="s">
        <v>1050</v>
      </c>
      <c r="C88" s="12">
        <v>0</v>
      </c>
      <c r="D88" s="12">
        <v>0</v>
      </c>
      <c r="E88" s="12">
        <v>0</v>
      </c>
      <c r="F88" s="12">
        <v>0</v>
      </c>
      <c r="G88" s="12">
        <v>0</v>
      </c>
    </row>
    <row r="89" spans="1:12" x14ac:dyDescent="0.25">
      <c r="A89" s="2" t="s">
        <v>124</v>
      </c>
      <c r="B89" s="4" t="s">
        <v>1051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</row>
    <row r="90" spans="1:12" x14ac:dyDescent="0.25">
      <c r="A90" s="2" t="s">
        <v>125</v>
      </c>
      <c r="B90" s="4" t="s">
        <v>1052</v>
      </c>
      <c r="C90" s="12">
        <v>0</v>
      </c>
      <c r="D90" s="12">
        <v>0</v>
      </c>
      <c r="E90" s="12">
        <v>0</v>
      </c>
      <c r="F90" s="12">
        <v>0</v>
      </c>
      <c r="G90" s="12">
        <v>0</v>
      </c>
    </row>
    <row r="91" spans="1:12" x14ac:dyDescent="0.25">
      <c r="A91" s="2" t="s">
        <v>126</v>
      </c>
      <c r="B91" s="4" t="s">
        <v>1053</v>
      </c>
      <c r="C91" s="12">
        <v>0</v>
      </c>
      <c r="D91" s="12">
        <v>0</v>
      </c>
      <c r="E91" s="12">
        <v>0</v>
      </c>
      <c r="F91" s="12">
        <v>0</v>
      </c>
      <c r="G91" s="12">
        <v>0</v>
      </c>
    </row>
    <row r="93" spans="1:12" x14ac:dyDescent="0.25">
      <c r="A93" s="10" t="s">
        <v>6</v>
      </c>
      <c r="B93" s="10" t="s">
        <v>1054</v>
      </c>
      <c r="C93" s="10" t="s">
        <v>1055</v>
      </c>
      <c r="D93" s="10" t="s">
        <v>1056</v>
      </c>
      <c r="E93" s="10" t="s">
        <v>1057</v>
      </c>
      <c r="F93" s="10" t="s">
        <v>1058</v>
      </c>
      <c r="G93" s="10" t="s">
        <v>1059</v>
      </c>
      <c r="H93" s="10" t="s">
        <v>1060</v>
      </c>
      <c r="I93" s="10" t="s">
        <v>1061</v>
      </c>
      <c r="J93" s="10" t="s">
        <v>1062</v>
      </c>
      <c r="K93" s="10" t="s">
        <v>1063</v>
      </c>
      <c r="L93" s="10" t="s">
        <v>1064</v>
      </c>
    </row>
    <row r="94" spans="1:12" x14ac:dyDescent="0.25">
      <c r="A94" s="10" t="s">
        <v>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0" t="s">
        <v>7</v>
      </c>
      <c r="H94" s="10" t="s">
        <v>7</v>
      </c>
      <c r="I94" s="10" t="s">
        <v>7</v>
      </c>
      <c r="J94" s="10" t="s">
        <v>7</v>
      </c>
      <c r="K94" s="10" t="s">
        <v>7</v>
      </c>
      <c r="L94" s="10" t="s">
        <v>7</v>
      </c>
    </row>
    <row r="95" spans="1:12" x14ac:dyDescent="0.25">
      <c r="A95" s="2" t="s">
        <v>127</v>
      </c>
      <c r="B95" s="4" t="s">
        <v>1065</v>
      </c>
      <c r="C95" s="12">
        <v>0</v>
      </c>
      <c r="D95" s="12">
        <v>0</v>
      </c>
      <c r="E95" s="12">
        <v>0</v>
      </c>
      <c r="F95" s="12">
        <v>0</v>
      </c>
      <c r="G95" s="12">
        <v>0</v>
      </c>
      <c r="H95" s="12">
        <v>0</v>
      </c>
      <c r="I95" s="12">
        <v>0</v>
      </c>
      <c r="J95" s="12">
        <v>0</v>
      </c>
      <c r="K95" s="12">
        <v>0</v>
      </c>
      <c r="L95" s="12">
        <v>0</v>
      </c>
    </row>
    <row r="96" spans="1:12" x14ac:dyDescent="0.25">
      <c r="A96" s="2" t="s">
        <v>129</v>
      </c>
      <c r="B96" s="4" t="s">
        <v>1066</v>
      </c>
      <c r="C96" s="12">
        <v>0</v>
      </c>
      <c r="D96" s="12">
        <v>0</v>
      </c>
      <c r="E96" s="12">
        <v>0</v>
      </c>
      <c r="F96" s="12">
        <v>0</v>
      </c>
      <c r="G96" s="12">
        <v>0</v>
      </c>
      <c r="H96" s="12">
        <v>0</v>
      </c>
      <c r="I96" s="12">
        <v>0</v>
      </c>
      <c r="J96" s="12">
        <v>0</v>
      </c>
      <c r="K96" s="12">
        <v>0</v>
      </c>
      <c r="L96" s="12">
        <v>0</v>
      </c>
    </row>
    <row r="97" spans="1:12" x14ac:dyDescent="0.25">
      <c r="A97" s="2" t="s">
        <v>131</v>
      </c>
      <c r="B97" s="4" t="s">
        <v>1067</v>
      </c>
      <c r="C97" s="12">
        <v>0</v>
      </c>
      <c r="D97" s="12">
        <v>0</v>
      </c>
      <c r="E97" s="12">
        <v>0</v>
      </c>
      <c r="F97" s="12">
        <v>0</v>
      </c>
      <c r="G97" s="12">
        <v>0</v>
      </c>
      <c r="H97" s="12">
        <v>0</v>
      </c>
      <c r="I97" s="12">
        <v>0</v>
      </c>
      <c r="J97" s="12">
        <v>0</v>
      </c>
      <c r="K97" s="12">
        <v>0</v>
      </c>
      <c r="L97" s="12">
        <v>0</v>
      </c>
    </row>
    <row r="98" spans="1:12" x14ac:dyDescent="0.25">
      <c r="A98" s="2" t="s">
        <v>133</v>
      </c>
      <c r="B98" s="4" t="s">
        <v>1068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  <c r="H98" s="12">
        <v>0</v>
      </c>
      <c r="I98" s="12">
        <v>0</v>
      </c>
      <c r="J98" s="12">
        <v>0</v>
      </c>
      <c r="K98" s="12">
        <v>0</v>
      </c>
      <c r="L98" s="12">
        <v>0</v>
      </c>
    </row>
    <row r="99" spans="1:12" x14ac:dyDescent="0.25">
      <c r="A99" s="2" t="s">
        <v>135</v>
      </c>
      <c r="B99" s="4" t="s">
        <v>1069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  <c r="H99" s="12">
        <v>0</v>
      </c>
      <c r="I99" s="12">
        <v>0</v>
      </c>
      <c r="J99" s="12">
        <v>0</v>
      </c>
      <c r="K99" s="12">
        <v>0</v>
      </c>
      <c r="L99" s="12">
        <v>0</v>
      </c>
    </row>
    <row r="101" spans="1:12" x14ac:dyDescent="0.25">
      <c r="A101" s="10" t="s">
        <v>6</v>
      </c>
      <c r="B101" s="10" t="s">
        <v>1070</v>
      </c>
      <c r="C101" s="10" t="s">
        <v>726</v>
      </c>
    </row>
    <row r="102" spans="1:12" x14ac:dyDescent="0.25">
      <c r="A102" s="10" t="s">
        <v>7</v>
      </c>
      <c r="B102" s="10" t="s">
        <v>7</v>
      </c>
      <c r="C102" s="10" t="s">
        <v>7</v>
      </c>
    </row>
    <row r="103" spans="1:12" x14ac:dyDescent="0.25">
      <c r="A103" s="2" t="s">
        <v>137</v>
      </c>
      <c r="B103" s="4" t="s">
        <v>1071</v>
      </c>
      <c r="C103" s="12">
        <v>0</v>
      </c>
    </row>
    <row r="104" spans="1:12" x14ac:dyDescent="0.25">
      <c r="A104" s="2" t="s">
        <v>139</v>
      </c>
      <c r="B104" s="4" t="s">
        <v>1072</v>
      </c>
      <c r="C104" s="12">
        <v>0</v>
      </c>
    </row>
    <row r="105" spans="1:12" x14ac:dyDescent="0.25">
      <c r="A105" s="2" t="s">
        <v>141</v>
      </c>
      <c r="B105" s="4" t="s">
        <v>1073</v>
      </c>
      <c r="C105" s="12">
        <v>0</v>
      </c>
    </row>
    <row r="107" spans="1:12" x14ac:dyDescent="0.25">
      <c r="A107" s="10" t="s">
        <v>6</v>
      </c>
      <c r="B107" s="10" t="s">
        <v>1074</v>
      </c>
      <c r="C107" s="10" t="s">
        <v>1075</v>
      </c>
      <c r="D107" s="10" t="s">
        <v>1045</v>
      </c>
      <c r="E107" s="10" t="s">
        <v>7</v>
      </c>
      <c r="F107" s="10" t="s">
        <v>7</v>
      </c>
      <c r="G107" s="10" t="s">
        <v>1079</v>
      </c>
    </row>
    <row r="108" spans="1:12" ht="21" x14ac:dyDescent="0.25">
      <c r="A108" s="10" t="s">
        <v>7</v>
      </c>
      <c r="B108" s="10" t="s">
        <v>7</v>
      </c>
      <c r="C108" s="10" t="s">
        <v>7</v>
      </c>
      <c r="D108" s="1" t="s">
        <v>1076</v>
      </c>
      <c r="E108" s="1" t="s">
        <v>1077</v>
      </c>
      <c r="F108" s="1" t="s">
        <v>1078</v>
      </c>
      <c r="G108" s="10" t="s">
        <v>7</v>
      </c>
    </row>
    <row r="109" spans="1:12" x14ac:dyDescent="0.25">
      <c r="A109" s="2" t="s">
        <v>143</v>
      </c>
      <c r="B109" s="4" t="s">
        <v>1080</v>
      </c>
      <c r="C109" s="12">
        <v>0</v>
      </c>
      <c r="D109" s="12">
        <v>0</v>
      </c>
      <c r="E109" s="12">
        <v>0</v>
      </c>
      <c r="F109" s="12">
        <v>0</v>
      </c>
      <c r="G109" s="12">
        <v>0</v>
      </c>
    </row>
    <row r="110" spans="1:12" x14ac:dyDescent="0.25">
      <c r="A110" s="2" t="s">
        <v>145</v>
      </c>
      <c r="B110" s="4" t="s">
        <v>1081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</row>
    <row r="111" spans="1:12" x14ac:dyDescent="0.25">
      <c r="A111" s="2" t="s">
        <v>147</v>
      </c>
      <c r="B111" s="4" t="s">
        <v>1082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</row>
    <row r="112" spans="1:12" x14ac:dyDescent="0.25">
      <c r="A112" s="2" t="s">
        <v>149</v>
      </c>
      <c r="B112" s="4" t="s">
        <v>1083</v>
      </c>
      <c r="C112" s="12">
        <v>0</v>
      </c>
      <c r="D112" s="12">
        <v>0</v>
      </c>
      <c r="E112" s="12">
        <v>0</v>
      </c>
      <c r="F112" s="12">
        <v>0</v>
      </c>
      <c r="G112" s="12">
        <v>0</v>
      </c>
    </row>
    <row r="114" spans="1:10" x14ac:dyDescent="0.25">
      <c r="A114" s="10" t="s">
        <v>6</v>
      </c>
      <c r="B114" s="10" t="s">
        <v>1084</v>
      </c>
      <c r="C114" s="10" t="s">
        <v>9</v>
      </c>
      <c r="D114" s="10" t="s">
        <v>10</v>
      </c>
      <c r="E114" s="10" t="s">
        <v>11</v>
      </c>
      <c r="F114" s="10" t="s">
        <v>11</v>
      </c>
    </row>
    <row r="115" spans="1:10" ht="21" x14ac:dyDescent="0.25">
      <c r="A115" s="10" t="s">
        <v>7</v>
      </c>
      <c r="B115" s="10" t="s">
        <v>7</v>
      </c>
      <c r="C115" s="10" t="s">
        <v>7</v>
      </c>
      <c r="D115" s="10" t="s">
        <v>7</v>
      </c>
      <c r="E115" s="1" t="s">
        <v>1085</v>
      </c>
      <c r="F115" s="1" t="s">
        <v>983</v>
      </c>
    </row>
    <row r="116" spans="1:10" x14ac:dyDescent="0.25">
      <c r="A116" s="3" t="s">
        <v>151</v>
      </c>
      <c r="B116" s="5" t="s">
        <v>1086</v>
      </c>
      <c r="C116" s="11">
        <v>348143100</v>
      </c>
      <c r="D116" s="11">
        <v>348143100</v>
      </c>
      <c r="E116" s="11">
        <v>84990280.109999999</v>
      </c>
      <c r="F116" s="11">
        <v>24.41</v>
      </c>
    </row>
    <row r="117" spans="1:10" x14ac:dyDescent="0.25">
      <c r="A117" s="2" t="s">
        <v>152</v>
      </c>
      <c r="B117" s="4" t="s">
        <v>1087</v>
      </c>
      <c r="C117" s="12">
        <v>348143100</v>
      </c>
      <c r="D117" s="12">
        <v>348143100</v>
      </c>
      <c r="E117" s="12">
        <v>84990280.109999999</v>
      </c>
      <c r="F117" s="12">
        <v>24.41</v>
      </c>
    </row>
    <row r="118" spans="1:10" x14ac:dyDescent="0.25">
      <c r="A118" s="2" t="s">
        <v>153</v>
      </c>
      <c r="B118" s="4" t="s">
        <v>1088</v>
      </c>
      <c r="C118" s="12">
        <v>0</v>
      </c>
      <c r="D118" s="12">
        <v>0</v>
      </c>
      <c r="E118" s="12">
        <v>0</v>
      </c>
      <c r="F118" s="12">
        <v>0</v>
      </c>
    </row>
    <row r="119" spans="1:10" x14ac:dyDescent="0.25">
      <c r="A119" s="2" t="s">
        <v>155</v>
      </c>
      <c r="B119" s="4" t="s">
        <v>1089</v>
      </c>
      <c r="C119" s="12">
        <v>0</v>
      </c>
      <c r="D119" s="12">
        <v>0</v>
      </c>
      <c r="E119" s="12">
        <v>0</v>
      </c>
      <c r="F119" s="12">
        <v>0</v>
      </c>
    </row>
    <row r="120" spans="1:10" x14ac:dyDescent="0.25">
      <c r="A120" s="2" t="s">
        <v>157</v>
      </c>
      <c r="B120" s="4" t="s">
        <v>1090</v>
      </c>
      <c r="C120" s="12">
        <v>0</v>
      </c>
      <c r="D120" s="12">
        <v>0</v>
      </c>
      <c r="E120" s="12">
        <v>0</v>
      </c>
      <c r="F120" s="12">
        <v>0</v>
      </c>
    </row>
    <row r="121" spans="1:10" x14ac:dyDescent="0.25">
      <c r="A121" s="2" t="s">
        <v>159</v>
      </c>
      <c r="B121" s="4" t="s">
        <v>1091</v>
      </c>
      <c r="C121" s="12">
        <v>711200</v>
      </c>
      <c r="D121" s="12">
        <v>711200</v>
      </c>
      <c r="E121" s="12">
        <v>17658.57</v>
      </c>
      <c r="F121" s="12">
        <v>2.48</v>
      </c>
    </row>
    <row r="122" spans="1:10" x14ac:dyDescent="0.25">
      <c r="A122" s="3" t="s">
        <v>161</v>
      </c>
      <c r="B122" s="5" t="s">
        <v>1092</v>
      </c>
      <c r="C122" s="11">
        <v>348854300</v>
      </c>
      <c r="D122" s="11">
        <v>348854300</v>
      </c>
      <c r="E122" s="11">
        <v>85007938.680000007</v>
      </c>
      <c r="F122" s="11">
        <v>24.37</v>
      </c>
    </row>
    <row r="124" spans="1:10" x14ac:dyDescent="0.25">
      <c r="A124" s="10" t="s">
        <v>6</v>
      </c>
      <c r="B124" s="10" t="s">
        <v>1093</v>
      </c>
      <c r="C124" s="10" t="s">
        <v>369</v>
      </c>
      <c r="D124" s="10" t="s">
        <v>574</v>
      </c>
      <c r="E124" s="10" t="s">
        <v>168</v>
      </c>
      <c r="F124" s="10" t="s">
        <v>7</v>
      </c>
      <c r="G124" s="10" t="s">
        <v>172</v>
      </c>
      <c r="H124" s="10" t="s">
        <v>7</v>
      </c>
      <c r="I124" s="10" t="s">
        <v>1011</v>
      </c>
      <c r="J124" s="10" t="s">
        <v>1011</v>
      </c>
    </row>
    <row r="125" spans="1:10" ht="21" x14ac:dyDescent="0.25">
      <c r="A125" s="10" t="s">
        <v>7</v>
      </c>
      <c r="B125" s="10" t="s">
        <v>7</v>
      </c>
      <c r="C125" s="10" t="s">
        <v>7</v>
      </c>
      <c r="D125" s="10" t="s">
        <v>7</v>
      </c>
      <c r="E125" s="1" t="s">
        <v>374</v>
      </c>
      <c r="F125" s="1" t="s">
        <v>1008</v>
      </c>
      <c r="G125" s="1" t="s">
        <v>1009</v>
      </c>
      <c r="H125" s="1" t="s">
        <v>1010</v>
      </c>
      <c r="I125" s="1" t="s">
        <v>170</v>
      </c>
      <c r="J125" s="1" t="s">
        <v>1012</v>
      </c>
    </row>
    <row r="126" spans="1:10" x14ac:dyDescent="0.25">
      <c r="A126" s="3" t="s">
        <v>163</v>
      </c>
      <c r="B126" s="5" t="s">
        <v>1094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  <c r="J126" s="11">
        <v>0</v>
      </c>
    </row>
    <row r="127" spans="1:10" x14ac:dyDescent="0.25">
      <c r="A127" s="2" t="s">
        <v>176</v>
      </c>
      <c r="B127" s="4" t="s">
        <v>1014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  <c r="J127" s="12">
        <v>0</v>
      </c>
    </row>
    <row r="128" spans="1:10" x14ac:dyDescent="0.25">
      <c r="A128" s="2" t="s">
        <v>178</v>
      </c>
      <c r="B128" s="4" t="s">
        <v>1015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</row>
    <row r="129" spans="1:10" x14ac:dyDescent="0.25">
      <c r="A129" s="3" t="s">
        <v>180</v>
      </c>
      <c r="B129" s="5" t="s">
        <v>1095</v>
      </c>
      <c r="C129" s="11">
        <v>280942400</v>
      </c>
      <c r="D129" s="11">
        <v>359183139.61000001</v>
      </c>
      <c r="E129" s="11">
        <v>70227441.599999994</v>
      </c>
      <c r="F129" s="11">
        <v>19.55</v>
      </c>
      <c r="G129" s="11">
        <v>46035252.700000003</v>
      </c>
      <c r="H129" s="11">
        <v>12.82</v>
      </c>
      <c r="I129" s="11">
        <v>45006196.640000001</v>
      </c>
      <c r="J129" s="11">
        <v>12.53</v>
      </c>
    </row>
    <row r="130" spans="1:10" x14ac:dyDescent="0.25">
      <c r="A130" s="2" t="s">
        <v>182</v>
      </c>
      <c r="B130" s="4" t="s">
        <v>1014</v>
      </c>
      <c r="C130" s="12">
        <v>194523500</v>
      </c>
      <c r="D130" s="12">
        <v>220431344.21000001</v>
      </c>
      <c r="E130" s="12">
        <v>67888809.590000004</v>
      </c>
      <c r="F130" s="12">
        <v>30.8</v>
      </c>
      <c r="G130" s="12">
        <v>45758648.5</v>
      </c>
      <c r="H130" s="12">
        <v>20.76</v>
      </c>
      <c r="I130" s="12">
        <v>44732696.640000001</v>
      </c>
      <c r="J130" s="12">
        <v>20.29</v>
      </c>
    </row>
    <row r="131" spans="1:10" x14ac:dyDescent="0.25">
      <c r="A131" s="2" t="s">
        <v>184</v>
      </c>
      <c r="B131" s="4" t="s">
        <v>1017</v>
      </c>
      <c r="C131" s="12">
        <v>86418900</v>
      </c>
      <c r="D131" s="12">
        <v>138751795.40000001</v>
      </c>
      <c r="E131" s="12">
        <v>2338632.0099999998</v>
      </c>
      <c r="F131" s="12">
        <v>1.69</v>
      </c>
      <c r="G131" s="12">
        <v>276604.2</v>
      </c>
      <c r="H131" s="12">
        <v>0.2</v>
      </c>
      <c r="I131" s="12">
        <v>273500</v>
      </c>
      <c r="J131" s="12">
        <v>0.2</v>
      </c>
    </row>
    <row r="132" spans="1:10" x14ac:dyDescent="0.25">
      <c r="A132" s="3" t="s">
        <v>186</v>
      </c>
      <c r="B132" s="5" t="s">
        <v>1096</v>
      </c>
      <c r="C132" s="11">
        <v>34133900</v>
      </c>
      <c r="D132" s="11">
        <v>47286361</v>
      </c>
      <c r="E132" s="11">
        <v>14113312.27</v>
      </c>
      <c r="F132" s="11">
        <v>29.85</v>
      </c>
      <c r="G132" s="11">
        <v>10030190.34</v>
      </c>
      <c r="H132" s="11">
        <v>21.21</v>
      </c>
      <c r="I132" s="11">
        <v>7835303.5</v>
      </c>
      <c r="J132" s="11">
        <v>16.57</v>
      </c>
    </row>
    <row r="133" spans="1:10" x14ac:dyDescent="0.25">
      <c r="A133" s="2" t="s">
        <v>188</v>
      </c>
      <c r="B133" s="4" t="s">
        <v>1014</v>
      </c>
      <c r="C133" s="12">
        <v>34133900</v>
      </c>
      <c r="D133" s="12">
        <v>47286361</v>
      </c>
      <c r="E133" s="12">
        <v>14113312.27</v>
      </c>
      <c r="F133" s="12">
        <v>29.85</v>
      </c>
      <c r="G133" s="12">
        <v>10030190.34</v>
      </c>
      <c r="H133" s="12">
        <v>21.21</v>
      </c>
      <c r="I133" s="12">
        <v>7835303.5</v>
      </c>
      <c r="J133" s="12">
        <v>16.57</v>
      </c>
    </row>
    <row r="134" spans="1:10" x14ac:dyDescent="0.25">
      <c r="A134" s="2" t="s">
        <v>190</v>
      </c>
      <c r="B134" s="4" t="s">
        <v>1017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  <c r="J134" s="12">
        <v>0</v>
      </c>
    </row>
    <row r="135" spans="1:10" x14ac:dyDescent="0.25">
      <c r="A135" s="3" t="s">
        <v>192</v>
      </c>
      <c r="B135" s="5" t="s">
        <v>1097</v>
      </c>
      <c r="C135" s="11">
        <v>2131900</v>
      </c>
      <c r="D135" s="11">
        <v>2131900</v>
      </c>
      <c r="E135" s="11">
        <v>62458.32</v>
      </c>
      <c r="F135" s="11">
        <v>2.93</v>
      </c>
      <c r="G135" s="11">
        <v>18804.11</v>
      </c>
      <c r="H135" s="11">
        <v>0.88</v>
      </c>
      <c r="I135" s="11">
        <v>18804.11</v>
      </c>
      <c r="J135" s="11">
        <v>0.88</v>
      </c>
    </row>
    <row r="136" spans="1:10" x14ac:dyDescent="0.25">
      <c r="A136" s="2" t="s">
        <v>194</v>
      </c>
      <c r="B136" s="4" t="s">
        <v>1014</v>
      </c>
      <c r="C136" s="12">
        <v>2131900</v>
      </c>
      <c r="D136" s="12">
        <v>2131900</v>
      </c>
      <c r="E136" s="12">
        <v>62458.32</v>
      </c>
      <c r="F136" s="12">
        <v>2.93</v>
      </c>
      <c r="G136" s="12">
        <v>18804.11</v>
      </c>
      <c r="H136" s="12">
        <v>0.88</v>
      </c>
      <c r="I136" s="12">
        <v>18804.11</v>
      </c>
      <c r="J136" s="12">
        <v>0.88</v>
      </c>
    </row>
    <row r="137" spans="1:10" x14ac:dyDescent="0.25">
      <c r="A137" s="2" t="s">
        <v>196</v>
      </c>
      <c r="B137" s="4" t="s">
        <v>1017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  <c r="J137" s="12">
        <v>0</v>
      </c>
    </row>
    <row r="138" spans="1:10" x14ac:dyDescent="0.25">
      <c r="A138" s="3" t="s">
        <v>198</v>
      </c>
      <c r="B138" s="5" t="s">
        <v>1098</v>
      </c>
      <c r="C138" s="11">
        <v>28481700</v>
      </c>
      <c r="D138" s="11">
        <v>78191522</v>
      </c>
      <c r="E138" s="11">
        <v>16433373.09</v>
      </c>
      <c r="F138" s="11">
        <v>21.02</v>
      </c>
      <c r="G138" s="11">
        <v>11999372.41</v>
      </c>
      <c r="H138" s="11">
        <v>15.35</v>
      </c>
      <c r="I138" s="11">
        <v>11067889.08</v>
      </c>
      <c r="J138" s="11">
        <v>14.15</v>
      </c>
    </row>
    <row r="139" spans="1:10" x14ac:dyDescent="0.25">
      <c r="A139" s="2" t="s">
        <v>200</v>
      </c>
      <c r="B139" s="4" t="s">
        <v>1014</v>
      </c>
      <c r="C139" s="12">
        <v>14227200</v>
      </c>
      <c r="D139" s="12">
        <v>58917022</v>
      </c>
      <c r="E139" s="12">
        <v>16433373.09</v>
      </c>
      <c r="F139" s="12">
        <v>27.89</v>
      </c>
      <c r="G139" s="12">
        <v>11999372.41</v>
      </c>
      <c r="H139" s="12">
        <v>20.37</v>
      </c>
      <c r="I139" s="12">
        <v>11067889.08</v>
      </c>
      <c r="J139" s="12">
        <v>18.79</v>
      </c>
    </row>
    <row r="140" spans="1:10" x14ac:dyDescent="0.25">
      <c r="A140" s="2" t="s">
        <v>202</v>
      </c>
      <c r="B140" s="4" t="s">
        <v>1017</v>
      </c>
      <c r="C140" s="12">
        <v>14254500</v>
      </c>
      <c r="D140" s="12">
        <v>1927450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  <c r="J140" s="12">
        <v>0</v>
      </c>
    </row>
    <row r="141" spans="1:10" x14ac:dyDescent="0.25">
      <c r="A141" s="3" t="s">
        <v>204</v>
      </c>
      <c r="B141" s="5" t="s">
        <v>1099</v>
      </c>
      <c r="C141" s="11">
        <v>377500</v>
      </c>
      <c r="D141" s="11">
        <v>377500</v>
      </c>
      <c r="E141" s="11">
        <v>24000</v>
      </c>
      <c r="F141" s="11">
        <v>6.36</v>
      </c>
      <c r="G141" s="11">
        <v>0</v>
      </c>
      <c r="H141" s="11">
        <v>0</v>
      </c>
      <c r="I141" s="11">
        <v>0</v>
      </c>
      <c r="J141" s="11">
        <v>0</v>
      </c>
    </row>
    <row r="142" spans="1:10" x14ac:dyDescent="0.25">
      <c r="A142" s="2" t="s">
        <v>206</v>
      </c>
      <c r="B142" s="4" t="s">
        <v>1014</v>
      </c>
      <c r="C142" s="12">
        <v>377500</v>
      </c>
      <c r="D142" s="12">
        <v>377500</v>
      </c>
      <c r="E142" s="12">
        <v>24000</v>
      </c>
      <c r="F142" s="12">
        <v>6.36</v>
      </c>
      <c r="G142" s="12">
        <v>0</v>
      </c>
      <c r="H142" s="12">
        <v>0</v>
      </c>
      <c r="I142" s="12">
        <v>0</v>
      </c>
      <c r="J142" s="12">
        <v>0</v>
      </c>
    </row>
    <row r="143" spans="1:10" x14ac:dyDescent="0.25">
      <c r="A143" s="2" t="s">
        <v>208</v>
      </c>
      <c r="B143" s="4" t="s">
        <v>1017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  <c r="H143" s="12">
        <v>0</v>
      </c>
      <c r="I143" s="12">
        <v>0</v>
      </c>
      <c r="J143" s="12">
        <v>0</v>
      </c>
    </row>
    <row r="144" spans="1:10" x14ac:dyDescent="0.25">
      <c r="A144" s="3" t="s">
        <v>210</v>
      </c>
      <c r="B144" s="5" t="s">
        <v>1100</v>
      </c>
      <c r="C144" s="11">
        <v>2786900</v>
      </c>
      <c r="D144" s="11">
        <v>2786900</v>
      </c>
      <c r="E144" s="11">
        <v>157169.65</v>
      </c>
      <c r="F144" s="11">
        <v>5.64</v>
      </c>
      <c r="G144" s="11">
        <v>44902.400000000001</v>
      </c>
      <c r="H144" s="11">
        <v>1.61</v>
      </c>
      <c r="I144" s="11">
        <v>44902.400000000001</v>
      </c>
      <c r="J144" s="11">
        <v>1.61</v>
      </c>
    </row>
    <row r="145" spans="1:10" x14ac:dyDescent="0.25">
      <c r="A145" s="2" t="s">
        <v>212</v>
      </c>
      <c r="B145" s="4" t="s">
        <v>1014</v>
      </c>
      <c r="C145" s="12">
        <v>2487900</v>
      </c>
      <c r="D145" s="12">
        <v>2487900</v>
      </c>
      <c r="E145" s="12">
        <v>154544.65</v>
      </c>
      <c r="F145" s="12">
        <v>6.21</v>
      </c>
      <c r="G145" s="12">
        <v>44902.400000000001</v>
      </c>
      <c r="H145" s="12">
        <v>1.8</v>
      </c>
      <c r="I145" s="12">
        <v>44902.400000000001</v>
      </c>
      <c r="J145" s="12">
        <v>1.8</v>
      </c>
    </row>
    <row r="146" spans="1:10" x14ac:dyDescent="0.25">
      <c r="A146" s="2" t="s">
        <v>214</v>
      </c>
      <c r="B146" s="4" t="s">
        <v>1017</v>
      </c>
      <c r="C146" s="12">
        <v>299000</v>
      </c>
      <c r="D146" s="12">
        <v>299000</v>
      </c>
      <c r="E146" s="12">
        <v>2625</v>
      </c>
      <c r="F146" s="12">
        <v>0.88</v>
      </c>
      <c r="G146" s="12">
        <v>0</v>
      </c>
      <c r="H146" s="12">
        <v>0</v>
      </c>
      <c r="I146" s="12">
        <v>0</v>
      </c>
      <c r="J146" s="12">
        <v>0</v>
      </c>
    </row>
    <row r="147" spans="1:10" x14ac:dyDescent="0.25">
      <c r="A147" s="3" t="s">
        <v>215</v>
      </c>
      <c r="B147" s="5" t="s">
        <v>1101</v>
      </c>
      <c r="C147" s="11">
        <v>348854300</v>
      </c>
      <c r="D147" s="11">
        <v>489957322.61000001</v>
      </c>
      <c r="E147" s="11">
        <v>101017754.93000001</v>
      </c>
      <c r="F147" s="11">
        <v>20.62</v>
      </c>
      <c r="G147" s="11">
        <v>68128521.959999993</v>
      </c>
      <c r="H147" s="11">
        <v>13.9</v>
      </c>
      <c r="I147" s="11">
        <v>63973095.729999997</v>
      </c>
      <c r="J147" s="11">
        <v>13.06</v>
      </c>
    </row>
    <row r="149" spans="1:10" x14ac:dyDescent="0.25">
      <c r="A149" s="10" t="s">
        <v>6</v>
      </c>
      <c r="B149" s="10" t="s">
        <v>1102</v>
      </c>
      <c r="C149" s="10" t="s">
        <v>369</v>
      </c>
      <c r="D149" s="10" t="s">
        <v>574</v>
      </c>
      <c r="E149" s="10" t="s">
        <v>168</v>
      </c>
      <c r="F149" s="10" t="s">
        <v>7</v>
      </c>
      <c r="G149" s="10" t="s">
        <v>172</v>
      </c>
      <c r="H149" s="10" t="s">
        <v>7</v>
      </c>
      <c r="I149" s="10" t="s">
        <v>1011</v>
      </c>
      <c r="J149" s="10" t="s">
        <v>1011</v>
      </c>
    </row>
    <row r="150" spans="1:10" ht="21" x14ac:dyDescent="0.25">
      <c r="A150" s="10" t="s">
        <v>7</v>
      </c>
      <c r="B150" s="10" t="s">
        <v>7</v>
      </c>
      <c r="C150" s="10" t="s">
        <v>7</v>
      </c>
      <c r="D150" s="10" t="s">
        <v>7</v>
      </c>
      <c r="E150" s="1" t="s">
        <v>374</v>
      </c>
      <c r="F150" s="1" t="s">
        <v>1008</v>
      </c>
      <c r="G150" s="1" t="s">
        <v>1103</v>
      </c>
      <c r="H150" s="1" t="s">
        <v>1010</v>
      </c>
      <c r="I150" s="1" t="s">
        <v>170</v>
      </c>
      <c r="J150" s="1" t="s">
        <v>1012</v>
      </c>
    </row>
    <row r="151" spans="1:10" x14ac:dyDescent="0.25">
      <c r="A151" s="2" t="s">
        <v>216</v>
      </c>
      <c r="B151" s="4" t="s">
        <v>1104</v>
      </c>
      <c r="C151" s="12">
        <v>69829000</v>
      </c>
      <c r="D151" s="12">
        <v>69829000</v>
      </c>
      <c r="E151" s="12">
        <v>20963566.129999999</v>
      </c>
      <c r="F151" s="12">
        <v>30.02</v>
      </c>
      <c r="G151" s="12">
        <v>12896328.199999999</v>
      </c>
      <c r="H151" s="12">
        <v>18.47</v>
      </c>
      <c r="I151" s="12">
        <v>12309854.779999999</v>
      </c>
      <c r="J151" s="12">
        <v>17.63</v>
      </c>
    </row>
    <row r="152" spans="1:10" x14ac:dyDescent="0.25">
      <c r="A152" s="2" t="s">
        <v>218</v>
      </c>
      <c r="B152" s="4" t="s">
        <v>1105</v>
      </c>
      <c r="C152" s="12">
        <v>990369700</v>
      </c>
      <c r="D152" s="12">
        <v>1069247038.61</v>
      </c>
      <c r="E152" s="12">
        <v>286059398.38</v>
      </c>
      <c r="F152" s="12">
        <v>26.75</v>
      </c>
      <c r="G152" s="12">
        <v>217549147.44999999</v>
      </c>
      <c r="H152" s="12">
        <v>20.350000000000001</v>
      </c>
      <c r="I152" s="12">
        <v>205971812.75</v>
      </c>
      <c r="J152" s="12">
        <v>19.260000000000002</v>
      </c>
    </row>
    <row r="153" spans="1:10" x14ac:dyDescent="0.25">
      <c r="A153" s="2" t="s">
        <v>220</v>
      </c>
      <c r="B153" s="4" t="s">
        <v>1106</v>
      </c>
      <c r="C153" s="12">
        <v>92524600</v>
      </c>
      <c r="D153" s="12">
        <v>96486239</v>
      </c>
      <c r="E153" s="12">
        <v>24771874.690000001</v>
      </c>
      <c r="F153" s="12">
        <v>25.67</v>
      </c>
      <c r="G153" s="12">
        <v>16372816.48</v>
      </c>
      <c r="H153" s="12">
        <v>16.97</v>
      </c>
      <c r="I153" s="12">
        <v>14111331.609999999</v>
      </c>
      <c r="J153" s="12">
        <v>14.63</v>
      </c>
    </row>
    <row r="154" spans="1:10" x14ac:dyDescent="0.25">
      <c r="A154" s="2" t="s">
        <v>222</v>
      </c>
      <c r="B154" s="4" t="s">
        <v>1107</v>
      </c>
      <c r="C154" s="12">
        <v>2631900</v>
      </c>
      <c r="D154" s="12">
        <v>2631900</v>
      </c>
      <c r="E154" s="12">
        <v>62458.32</v>
      </c>
      <c r="F154" s="12">
        <v>2.37</v>
      </c>
      <c r="G154" s="12">
        <v>18804.11</v>
      </c>
      <c r="H154" s="12">
        <v>0.71</v>
      </c>
      <c r="I154" s="12">
        <v>18804.11</v>
      </c>
      <c r="J154" s="12">
        <v>0.71</v>
      </c>
    </row>
    <row r="155" spans="1:10" x14ac:dyDescent="0.25">
      <c r="A155" s="2" t="s">
        <v>225</v>
      </c>
      <c r="B155" s="4" t="s">
        <v>1108</v>
      </c>
      <c r="C155" s="12">
        <v>48339700</v>
      </c>
      <c r="D155" s="12">
        <v>130495695</v>
      </c>
      <c r="E155" s="12">
        <v>33654575.509999998</v>
      </c>
      <c r="F155" s="12">
        <v>25.79</v>
      </c>
      <c r="G155" s="12">
        <v>26688731.559999999</v>
      </c>
      <c r="H155" s="12">
        <v>25.79</v>
      </c>
      <c r="I155" s="12">
        <v>21982388.359999999</v>
      </c>
      <c r="J155" s="12">
        <v>25.79</v>
      </c>
    </row>
    <row r="156" spans="1:10" x14ac:dyDescent="0.25">
      <c r="A156" s="2" t="s">
        <v>227</v>
      </c>
      <c r="B156" s="4" t="s">
        <v>1109</v>
      </c>
      <c r="C156" s="12">
        <v>34670700</v>
      </c>
      <c r="D156" s="12">
        <v>34670700</v>
      </c>
      <c r="E156" s="12">
        <v>11427217.119999999</v>
      </c>
      <c r="F156" s="12">
        <v>32.96</v>
      </c>
      <c r="G156" s="12">
        <v>8560041</v>
      </c>
      <c r="H156" s="12">
        <v>24.69</v>
      </c>
      <c r="I156" s="12">
        <v>8560041</v>
      </c>
      <c r="J156" s="12">
        <v>24.69</v>
      </c>
    </row>
    <row r="157" spans="1:10" x14ac:dyDescent="0.25">
      <c r="A157" s="2" t="s">
        <v>229</v>
      </c>
      <c r="B157" s="4" t="s">
        <v>1110</v>
      </c>
      <c r="C157" s="12">
        <v>367871800</v>
      </c>
      <c r="D157" s="12">
        <v>442551770.91000003</v>
      </c>
      <c r="E157" s="12">
        <v>260195683.59</v>
      </c>
      <c r="F157" s="12">
        <v>58.79</v>
      </c>
      <c r="G157" s="12">
        <v>246306770.28999999</v>
      </c>
      <c r="H157" s="12">
        <v>55.66</v>
      </c>
      <c r="I157" s="12">
        <v>216569039.44</v>
      </c>
      <c r="J157" s="12">
        <v>48.94</v>
      </c>
    </row>
    <row r="158" spans="1:10" x14ac:dyDescent="0.25">
      <c r="A158" s="2" t="s">
        <v>231</v>
      </c>
      <c r="B158" s="4" t="s">
        <v>1111</v>
      </c>
      <c r="C158" s="12">
        <v>1606237400</v>
      </c>
      <c r="D158" s="12">
        <v>1845912343.52</v>
      </c>
      <c r="E158" s="12">
        <v>637134773.74000001</v>
      </c>
      <c r="F158" s="12">
        <v>34.520000000000003</v>
      </c>
      <c r="G158" s="12">
        <v>528392639.08999997</v>
      </c>
      <c r="H158" s="12">
        <v>28.63</v>
      </c>
      <c r="I158" s="12">
        <v>479523272.05000001</v>
      </c>
      <c r="J158" s="12">
        <v>25.98</v>
      </c>
    </row>
    <row r="159" spans="1:10" x14ac:dyDescent="0.25">
      <c r="A159" s="2" t="s">
        <v>233</v>
      </c>
      <c r="B159" s="4" t="s">
        <v>1112</v>
      </c>
      <c r="C159" s="12">
        <v>348854300</v>
      </c>
      <c r="D159" s="12">
        <v>489957322.61000001</v>
      </c>
      <c r="E159" s="12">
        <v>101017754.93000001</v>
      </c>
      <c r="F159" s="12">
        <v>20.62</v>
      </c>
      <c r="G159" s="12">
        <v>68128521.959999993</v>
      </c>
      <c r="H159" s="12">
        <v>13.9</v>
      </c>
      <c r="I159" s="12">
        <v>63973095.729999997</v>
      </c>
      <c r="J159" s="12">
        <v>13.06</v>
      </c>
    </row>
    <row r="160" spans="1:10" x14ac:dyDescent="0.25">
      <c r="A160" s="2" t="s">
        <v>235</v>
      </c>
      <c r="B160" s="4" t="s">
        <v>1113</v>
      </c>
      <c r="C160" s="12">
        <v>1257383100</v>
      </c>
      <c r="D160" s="12">
        <v>1355955020.9100001</v>
      </c>
      <c r="E160" s="12">
        <v>536117018.81</v>
      </c>
      <c r="F160" s="12">
        <v>39.54</v>
      </c>
      <c r="G160" s="12">
        <v>460264117.13</v>
      </c>
      <c r="H160" s="12">
        <v>33.94</v>
      </c>
      <c r="I160" s="12">
        <v>415550176.31999999</v>
      </c>
      <c r="J160" s="12">
        <v>30.65</v>
      </c>
    </row>
  </sheetData>
  <mergeCells count="82">
    <mergeCell ref="G124:H124"/>
    <mergeCell ref="I124:J124"/>
    <mergeCell ref="A149:A150"/>
    <mergeCell ref="B149:B150"/>
    <mergeCell ref="C149:C150"/>
    <mergeCell ref="D149:D150"/>
    <mergeCell ref="E149:F149"/>
    <mergeCell ref="G149:H149"/>
    <mergeCell ref="I149:J149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2</vt:i4>
      </vt:variant>
    </vt:vector>
  </HeadingPairs>
  <TitlesOfParts>
    <vt:vector size="12" baseType="lpstr">
      <vt:lpstr>Anexo - 01 - Balanço Orçamentár</vt:lpstr>
      <vt:lpstr>Anexo - 02 - Despesas por Funçã</vt:lpstr>
      <vt:lpstr>Anexo - 03 - Receita Corrente L</vt:lpstr>
      <vt:lpstr>Anexo - 04 - Receitas e Despesa</vt:lpstr>
      <vt:lpstr>Anexo - 06 - Resultado Primário</vt:lpstr>
      <vt:lpstr>Anexo - 07 - Restos a Pagar por</vt:lpstr>
      <vt:lpstr>Anexo - 08 - Receitas e Despesa</vt:lpstr>
      <vt:lpstr>Anexo - 08.1 - Despesa MDE-Cons</vt:lpstr>
      <vt:lpstr>Anexo - 12 - Receitas e Despesa</vt:lpstr>
      <vt:lpstr>Anexo - 12.1 - Despesas Saúde -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1-05-26T14:34:36Z</dcterms:created>
  <dcterms:modified xsi:type="dcterms:W3CDTF">2021-05-26T14:59:36Z</dcterms:modified>
</cp:coreProperties>
</file>